
<file path=[Content_Types].xml><?xml version="1.0" encoding="utf-8"?>
<Types xmlns="http://schemas.openxmlformats.org/package/2006/content-types">
  <Default Extension="bin" ContentType="application/vnd.openxmlformats-officedocument.spreadsheetml.printerSettings"/>
  <Default Extension="data" ContentType="application/vnd.openxmlformats-officedocument.model+data"/>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tables/table1.xml" ContentType="application/vnd.openxmlformats-officedocument.spreadsheetml.table+xml"/>
  <Override PartName="/xl/drawings/drawing2.xml" ContentType="application/vnd.openxmlformats-officedocument.drawing+xml"/>
  <Override PartName="/xl/tables/table2.xml" ContentType="application/vnd.openxmlformats-officedocument.spreadsheetml.table+xml"/>
  <Override PartName="/xl/drawings/drawing3.xml" ContentType="application/vnd.openxmlformats-officedocument.drawing+xml"/>
  <Override PartName="/xl/tables/table3.xml" ContentType="application/vnd.openxmlformats-officedocument.spreadsheetml.table+xml"/>
  <Override PartName="/xl/namedSheetViews/namedSheetView1.xml" ContentType="application/vnd.ms-excel.namedsheetviews+xml"/>
  <Override PartName="/xl/drawings/drawing4.xml" ContentType="application/vnd.openxmlformats-officedocument.drawing+xml"/>
  <Override PartName="/xl/tables/table4.xml" ContentType="application/vnd.openxmlformats-officedocument.spreadsheetml.table+xml"/>
  <Override PartName="/xl/drawings/drawing5.xml" ContentType="application/vnd.openxmlformats-officedocument.drawing+xml"/>
  <Override PartName="/xl/tables/table5.xml" ContentType="application/vnd.openxmlformats-officedocument.spreadsheetml.table+xml"/>
  <Override PartName="/xl/tables/table6.xml" ContentType="application/vnd.openxmlformats-officedocument.spreadsheetml.tab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xl/webextensions/webextension2.xml" ContentType="application/vnd.ms-office.webextension+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6" Type="http://schemas.microsoft.com/office/2011/relationships/webextensiontaskpanes" Target="xl/webextensions/taskpanes.xml"/><Relationship Id="rId5" Type="http://schemas.microsoft.com/office/2020/02/relationships/classificationlabels" Target="docMetadata/LabelInfo.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9609"/>
  <workbookPr hidePivotFieldList="1"/>
  <mc:AlternateContent xmlns:mc="http://schemas.openxmlformats.org/markup-compatibility/2006">
    <mc:Choice Requires="x15">
      <x15ac:absPath xmlns:x15ac="http://schemas.microsoft.com/office/spreadsheetml/2010/11/ac" url="https://corpoflondon-my.sharepoint.com/personal/katie_lawman_cityoflondon_gov_uk/Documents/Documents/Senior Business Operations Officer/Accessibility and web editing/Kerstin/"/>
    </mc:Choice>
  </mc:AlternateContent>
  <xr:revisionPtr revIDLastSave="0" documentId="8_{DC2F5AFB-05CB-4828-A407-C13F273F62D7}" xr6:coauthVersionLast="47" xr6:coauthVersionMax="47" xr10:uidLastSave="{00000000-0000-0000-0000-000000000000}"/>
  <bookViews>
    <workbookView xWindow="-28920" yWindow="-9750" windowWidth="29040" windowHeight="15720" tabRatio="793" firstSheet="2" activeTab="2" xr2:uid="{00000000-000D-0000-FFFF-FFFF00000000}"/>
  </bookViews>
  <sheets>
    <sheet name="READ ME" sheetId="6" r:id="rId1"/>
    <sheet name="Review Details" sheetId="7" r:id="rId2"/>
    <sheet name="Initiating Comment List" sheetId="5" r:id="rId3"/>
    <sheet name="Follow-up Response Dialogue" sheetId="4" r:id="rId4"/>
    <sheet name="Carbon Management" sheetId="9" r:id="rId5"/>
    <sheet name="Lists" sheetId="10" r:id="rId6"/>
  </sheets>
  <definedNames>
    <definedName name="_xlcn.WorksheetConnection_DataCallectionFrameworkTemplate.xlsxTbl_Comments1" hidden="1">Tbl_Comments[]</definedName>
    <definedName name="_xlcn.WorksheetConnection_DataCallectionFrameworkTemplate.xlsxTbl_Dialogue1" hidden="1">Tbl_Dialogue[]</definedName>
    <definedName name="LCA_Assessor">'Review Details'!$B$2</definedName>
    <definedName name="Officer_Case">'Review Details'!$B$6</definedName>
    <definedName name="Officer_Sustainability">'Review Details'!$B$4</definedName>
    <definedName name="Review_Scope">'Review Details'!$C$5</definedName>
    <definedName name="ThirdParty_Reviewer">'Review Details'!$B$3</definedName>
  </definedNames>
  <calcPr calcId="191028"/>
  <extLst>
    <ext xmlns:x15="http://schemas.microsoft.com/office/spreadsheetml/2010/11/main" uri="{140A7094-0E35-4892-8432-C4D2E57EDEB5}">
      <x15:workbookPr chartTrackingRefBase="1"/>
    </ext>
    <ext xmlns:x15="http://schemas.microsoft.com/office/spreadsheetml/2010/11/main" uri="{FCE2AD5D-F65C-4FA6-A056-5C36A1767C68}">
      <x15:dataModel>
        <x15:modelTables>
          <x15:modelTable id="Tbl_Dialogue" name="Tbl_Dialogue" connection="WorksheetConnection_Data Callection Framework Template.xlsx!Tbl_Dialogue"/>
          <x15:modelTable id="Tbl_Comments" name="Tbl_Comments" connection="WorksheetConnection_Data Callection Framework Template.xlsx!Tbl_Comments"/>
        </x15:modelTables>
      </x15:dataModel>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A141" i="5" l="1" a="1"/>
  <c r="A141" i="5" s="1"/>
  <c r="A142" i="5" a="1"/>
  <c r="A142" i="5" s="1"/>
  <c r="A143" i="5" a="1"/>
  <c r="A143" i="5" s="1"/>
  <c r="A144" i="5" a="1"/>
  <c r="A144" i="5" s="1"/>
  <c r="A145" i="5" a="1"/>
  <c r="A145" i="5" s="1"/>
  <c r="A146" i="5" a="1"/>
  <c r="A146" i="5" s="1"/>
  <c r="A147" i="5" a="1"/>
  <c r="A147" i="5" s="1"/>
  <c r="A148" i="5" a="1"/>
  <c r="A148" i="5" s="1"/>
  <c r="A149" i="5" a="1"/>
  <c r="A149" i="5" s="1"/>
  <c r="A150" i="5" a="1"/>
  <c r="A150" i="5" s="1"/>
  <c r="A88" i="5" a="1"/>
  <c r="A88" i="5" s="1"/>
  <c r="A89" i="5" a="1"/>
  <c r="A89" i="5" s="1"/>
  <c r="A90" i="5" a="1"/>
  <c r="A90" i="5" s="1"/>
  <c r="A91" i="5" a="1"/>
  <c r="A91" i="5" s="1"/>
  <c r="A92" i="5" a="1"/>
  <c r="A92" i="5" s="1"/>
  <c r="A93" i="5" a="1"/>
  <c r="A93" i="5" s="1"/>
  <c r="A94" i="5" a="1"/>
  <c r="A94" i="5" s="1"/>
  <c r="A95" i="5" a="1"/>
  <c r="A95" i="5" s="1"/>
  <c r="A96" i="5" a="1"/>
  <c r="A96" i="5" s="1"/>
  <c r="A97" i="5" a="1"/>
  <c r="A97" i="5" s="1"/>
  <c r="A98" i="5" a="1"/>
  <c r="A98" i="5" s="1"/>
  <c r="A99" i="5" a="1"/>
  <c r="A99" i="5" s="1"/>
  <c r="A100" i="5" a="1"/>
  <c r="A100" i="5" s="1"/>
  <c r="A101" i="5" a="1"/>
  <c r="A101" i="5" s="1"/>
  <c r="A102" i="5" a="1"/>
  <c r="A102" i="5" s="1"/>
  <c r="A103" i="5" a="1"/>
  <c r="A103" i="5" s="1"/>
  <c r="A104" i="5" a="1"/>
  <c r="A104" i="5" s="1"/>
  <c r="A105" i="5" a="1"/>
  <c r="A105" i="5" s="1"/>
  <c r="A106" i="5" a="1"/>
  <c r="A106" i="5" s="1"/>
  <c r="A107" i="5" a="1"/>
  <c r="A107" i="5" s="1"/>
  <c r="A108" i="5" a="1"/>
  <c r="A108" i="5" s="1"/>
  <c r="A109" i="5" a="1"/>
  <c r="A109" i="5" s="1"/>
  <c r="A110" i="5" a="1"/>
  <c r="A110" i="5" s="1"/>
  <c r="A111" i="5" a="1"/>
  <c r="A111" i="5" s="1"/>
  <c r="A112" i="5" a="1"/>
  <c r="A112" i="5" s="1"/>
  <c r="A113" i="5" a="1"/>
  <c r="A113" i="5" s="1"/>
  <c r="A114" i="5" a="1"/>
  <c r="A114" i="5" s="1"/>
  <c r="A115" i="5" a="1"/>
  <c r="A115" i="5" s="1"/>
  <c r="A116" i="5" a="1"/>
  <c r="A116" i="5" s="1"/>
  <c r="A117" i="5" a="1"/>
  <c r="A117" i="5" s="1"/>
  <c r="A118" i="5" a="1"/>
  <c r="A118" i="5" s="1"/>
  <c r="A37" i="5" a="1"/>
  <c r="A11" i="5" a="1"/>
  <c r="A41" i="5" a="1"/>
  <c r="A80" i="5" a="1"/>
  <c r="A5" i="5" a="1"/>
  <c r="A13" i="5" a="1"/>
  <c r="A16" i="5" a="1"/>
  <c r="A75" i="5" a="1"/>
  <c r="A86" i="5" a="1"/>
  <c r="A21" i="5" a="1"/>
  <c r="A54" i="5" a="1"/>
  <c r="A65" i="5" a="1"/>
  <c r="A55" i="5" a="1"/>
  <c r="A78" i="5" a="1"/>
  <c r="A83" i="5" a="1"/>
  <c r="A20" i="5" a="1"/>
  <c r="A32" i="5" a="1"/>
  <c r="A6" i="5" a="1"/>
  <c r="A50" i="5" a="1"/>
  <c r="A29" i="5" a="1"/>
  <c r="A61" i="5" a="1"/>
  <c r="A15" i="5" a="1"/>
  <c r="A10" i="5" a="1"/>
  <c r="A63" i="5" a="1"/>
  <c r="A52" i="5" a="1"/>
  <c r="A59" i="5" a="1"/>
  <c r="A70" i="5" a="1"/>
  <c r="A73" i="5" a="1"/>
  <c r="A36" i="5" a="1"/>
  <c r="A87" i="5" a="1"/>
  <c r="A62" i="5" a="1"/>
  <c r="A46" i="5" a="1"/>
  <c r="A8" i="5" a="1"/>
  <c r="A64" i="5" a="1"/>
  <c r="A77" i="5" a="1"/>
  <c r="A30" i="5" a="1"/>
  <c r="A34" i="5" a="1"/>
  <c r="A12" i="5" a="1"/>
  <c r="A74" i="5" a="1"/>
  <c r="A40" i="5" a="1"/>
  <c r="A31" i="5" a="1"/>
  <c r="A26" i="5" a="1"/>
  <c r="A72" i="5" a="1"/>
  <c r="A51" i="5" a="1"/>
  <c r="A81" i="5" a="1"/>
  <c r="A58" i="5" a="1"/>
  <c r="A67" i="5" a="1"/>
  <c r="A60" i="5" a="1"/>
  <c r="A4" i="5" a="1"/>
  <c r="A22" i="5" a="1"/>
  <c r="A43" i="5" a="1"/>
  <c r="A38" i="5" a="1"/>
  <c r="A76" i="5" a="1"/>
  <c r="A17" i="5" a="1"/>
  <c r="A42" i="5" a="1"/>
  <c r="A57" i="5" a="1"/>
  <c r="A39" i="5" a="1"/>
  <c r="A66" i="5" a="1"/>
  <c r="A35" i="5" a="1"/>
  <c r="A68" i="5" a="1"/>
  <c r="A19" i="5" a="1"/>
  <c r="A49" i="5" a="1"/>
  <c r="A28" i="5" a="1"/>
  <c r="A9" i="5" a="1"/>
  <c r="A47" i="5" a="1"/>
  <c r="A56" i="5" a="1"/>
  <c r="A24" i="5" a="1"/>
  <c r="A79" i="5" a="1"/>
  <c r="A18" i="5" a="1"/>
  <c r="A25" i="5" a="1"/>
  <c r="A82" i="5" a="1"/>
  <c r="A33" i="5" a="1"/>
  <c r="A14" i="5" a="1"/>
  <c r="A7" i="5" a="1"/>
  <c r="A71" i="5" a="1"/>
  <c r="A45" i="5" a="1"/>
  <c r="A27" i="5" a="1"/>
  <c r="A84" i="5" a="1"/>
  <c r="A23" i="5" a="1"/>
  <c r="A53" i="5" a="1"/>
  <c r="A44" i="5" a="1"/>
  <c r="A48" i="5" a="1"/>
  <c r="A69" i="5" a="1"/>
  <c r="A85" i="5" a="1"/>
  <c r="F148" i="5" l="1" a="1"/>
  <c r="F148" i="5" s="1"/>
  <c r="G148" i="5"/>
  <c r="G146" i="5"/>
  <c r="F146" i="5" a="1"/>
  <c r="F146" i="5" s="1"/>
  <c r="F144" i="5" a="1"/>
  <c r="F144" i="5" s="1"/>
  <c r="G144" i="5"/>
  <c r="G147" i="5"/>
  <c r="F147" i="5" a="1"/>
  <c r="F147" i="5" s="1"/>
  <c r="F141" i="5" a="1"/>
  <c r="F141" i="5" s="1"/>
  <c r="G141" i="5"/>
  <c r="G150" i="5"/>
  <c r="F150" i="5" a="1"/>
  <c r="F150" i="5" s="1"/>
  <c r="F149" i="5" a="1"/>
  <c r="F149" i="5" s="1"/>
  <c r="G149" i="5"/>
  <c r="G145" i="5"/>
  <c r="F145" i="5" a="1"/>
  <c r="F145" i="5" s="1"/>
  <c r="F143" i="5" a="1"/>
  <c r="F143" i="5" s="1"/>
  <c r="G143" i="5"/>
  <c r="F142" i="5" a="1"/>
  <c r="F142" i="5" s="1"/>
  <c r="G142" i="5"/>
  <c r="A13" i="5"/>
  <c r="A71" i="5"/>
  <c r="F71" i="5" s="1" a="1"/>
  <c r="F71" i="5" s="1"/>
  <c r="A60" i="5"/>
  <c r="A44" i="5"/>
  <c r="A28" i="5"/>
  <c r="A12" i="5"/>
  <c r="A73" i="5"/>
  <c r="A30" i="5"/>
  <c r="A72" i="5"/>
  <c r="A53" i="5"/>
  <c r="A45" i="5"/>
  <c r="A37" i="5"/>
  <c r="A29" i="5"/>
  <c r="A21" i="5"/>
  <c r="A87" i="5"/>
  <c r="A79" i="5"/>
  <c r="A52" i="5"/>
  <c r="A36" i="5"/>
  <c r="A20" i="5"/>
  <c r="A59" i="5"/>
  <c r="A51" i="5"/>
  <c r="A43" i="5"/>
  <c r="A35" i="5"/>
  <c r="A27" i="5"/>
  <c r="A11" i="5"/>
  <c r="A19" i="5"/>
  <c r="A18" i="5"/>
  <c r="A10" i="5"/>
  <c r="A85" i="5"/>
  <c r="A80" i="5"/>
  <c r="A69" i="5"/>
  <c r="F69" i="5" s="1" a="1"/>
  <c r="F69" i="5" s="1"/>
  <c r="A50" i="5"/>
  <c r="A84" i="5"/>
  <c r="A57" i="5"/>
  <c r="A41" i="5"/>
  <c r="A33" i="5"/>
  <c r="A25" i="5"/>
  <c r="A17" i="5"/>
  <c r="A9" i="5"/>
  <c r="A38" i="5"/>
  <c r="A70" i="5"/>
  <c r="F70" i="5" s="1" a="1"/>
  <c r="F70" i="5" s="1"/>
  <c r="A77" i="5"/>
  <c r="A58" i="5"/>
  <c r="A26" i="5"/>
  <c r="A68" i="5"/>
  <c r="F68" i="5" s="1" a="1"/>
  <c r="F68" i="5" s="1"/>
  <c r="A49" i="5"/>
  <c r="A83" i="5"/>
  <c r="A75" i="5"/>
  <c r="A56" i="5"/>
  <c r="A48" i="5"/>
  <c r="A40" i="5"/>
  <c r="A32" i="5"/>
  <c r="A16" i="5"/>
  <c r="A8" i="5"/>
  <c r="A81" i="5"/>
  <c r="A86" i="5"/>
  <c r="A42" i="5"/>
  <c r="A76" i="5"/>
  <c r="A65" i="5"/>
  <c r="A67" i="5"/>
  <c r="F67" i="5" s="1" a="1"/>
  <c r="F67" i="5" s="1"/>
  <c r="A64" i="5"/>
  <c r="A24" i="5"/>
  <c r="A46" i="5"/>
  <c r="A78" i="5"/>
  <c r="A34" i="5"/>
  <c r="A82" i="5"/>
  <c r="A74" i="5"/>
  <c r="A66" i="5"/>
  <c r="G66" i="5" s="1"/>
  <c r="A63" i="5"/>
  <c r="A55" i="5"/>
  <c r="A47" i="5"/>
  <c r="A39" i="5"/>
  <c r="A31" i="5"/>
  <c r="A23" i="5"/>
  <c r="A15" i="5"/>
  <c r="A7" i="5"/>
  <c r="A54" i="5"/>
  <c r="A14" i="5"/>
  <c r="G14" i="5" s="1"/>
  <c r="A62" i="5"/>
  <c r="A22" i="5"/>
  <c r="F22" i="5" s="1" a="1"/>
  <c r="F22" i="5" s="1"/>
  <c r="A6" i="5"/>
  <c r="A61" i="5"/>
  <c r="A5" i="5"/>
  <c r="A4" i="5"/>
  <c r="B89" i="4"/>
  <c r="B90" i="4"/>
  <c r="B91" i="4"/>
  <c r="B92" i="4"/>
  <c r="B93" i="4"/>
  <c r="B94" i="4"/>
  <c r="B95" i="4"/>
  <c r="B96" i="4"/>
  <c r="B97" i="4"/>
  <c r="B98" i="4"/>
  <c r="B99" i="4"/>
  <c r="B100" i="4"/>
  <c r="B101" i="4"/>
  <c r="B102" i="4"/>
  <c r="B103" i="4"/>
  <c r="B104" i="4"/>
  <c r="B105" i="4"/>
  <c r="B106" i="4"/>
  <c r="B107" i="4"/>
  <c r="B108" i="4"/>
  <c r="B109" i="4"/>
  <c r="B110" i="4"/>
  <c r="B111" i="4"/>
  <c r="B112" i="4"/>
  <c r="B113" i="4"/>
  <c r="B114" i="4"/>
  <c r="B115" i="4"/>
  <c r="B116" i="4"/>
  <c r="B117" i="4"/>
  <c r="B118" i="4"/>
  <c r="B119" i="4"/>
  <c r="B120" i="4"/>
  <c r="B121" i="4"/>
  <c r="B122" i="4"/>
  <c r="B123" i="4"/>
  <c r="B124" i="4"/>
  <c r="B125" i="4"/>
  <c r="B126" i="4"/>
  <c r="B127" i="4"/>
  <c r="B128" i="4"/>
  <c r="B129" i="4"/>
  <c r="B130" i="4"/>
  <c r="B131" i="4"/>
  <c r="B132" i="4"/>
  <c r="B133" i="4"/>
  <c r="B134" i="4"/>
  <c r="B135" i="4"/>
  <c r="B136" i="4"/>
  <c r="B137" i="4"/>
  <c r="B139" i="4"/>
  <c r="B140" i="4"/>
  <c r="B142" i="4"/>
  <c r="B145" i="4"/>
  <c r="B147" i="4"/>
  <c r="B148" i="4"/>
  <c r="B153" i="4"/>
  <c r="B155" i="4"/>
  <c r="B156" i="4"/>
  <c r="B161" i="4"/>
  <c r="B162" i="4"/>
  <c r="B163" i="4"/>
  <c r="B165" i="4"/>
  <c r="B169" i="4"/>
  <c r="B174" i="4"/>
  <c r="B177" i="4"/>
  <c r="B178" i="4"/>
  <c r="B185" i="4"/>
  <c r="B186" i="4"/>
  <c r="B193" i="4"/>
  <c r="B197" i="4"/>
  <c r="B199" i="4"/>
  <c r="B200" i="4"/>
  <c r="B201" i="4"/>
  <c r="B206" i="4"/>
  <c r="B209" i="4"/>
  <c r="B215" i="4"/>
  <c r="B216" i="4"/>
  <c r="B217" i="4"/>
  <c r="B223" i="4"/>
  <c r="B224" i="4"/>
  <c r="B225" i="4"/>
  <c r="B229" i="4"/>
  <c r="B230" i="4"/>
  <c r="B233" i="4"/>
  <c r="B237" i="4"/>
  <c r="B238" i="4"/>
  <c r="B241" i="4"/>
  <c r="B249" i="4"/>
  <c r="B253" i="4"/>
  <c r="B254" i="4"/>
  <c r="B257" i="4"/>
  <c r="B260" i="4"/>
  <c r="B261" i="4"/>
  <c r="B264" i="4"/>
  <c r="B265" i="4"/>
  <c r="B267" i="4"/>
  <c r="B268" i="4"/>
  <c r="B270" i="4"/>
  <c r="B273" i="4"/>
  <c r="B281" i="4"/>
  <c r="B283" i="4"/>
  <c r="B284" i="4"/>
  <c r="B289" i="4"/>
  <c r="B290" i="4"/>
  <c r="B291" i="4"/>
  <c r="B293" i="4"/>
  <c r="B297" i="4"/>
  <c r="B298" i="4"/>
  <c r="B302" i="4"/>
  <c r="B305" i="4"/>
  <c r="B306" i="4"/>
  <c r="B313" i="4"/>
  <c r="B321" i="4"/>
  <c r="B325" i="4"/>
  <c r="B327" i="4"/>
  <c r="B328" i="4"/>
  <c r="B329" i="4"/>
  <c r="B335" i="4"/>
  <c r="B336" i="4"/>
  <c r="B337" i="4"/>
  <c r="B343" i="4"/>
  <c r="B344" i="4"/>
  <c r="B345" i="4"/>
  <c r="B346" i="4"/>
  <c r="B347" i="4"/>
  <c r="B350" i="4"/>
  <c r="B353" i="4"/>
  <c r="B354" i="4"/>
  <c r="B356" i="4"/>
  <c r="B357" i="4"/>
  <c r="B360" i="4"/>
  <c r="B361" i="4"/>
  <c r="B362" i="4"/>
  <c r="B363" i="4"/>
  <c r="B366" i="4"/>
  <c r="B369" i="4"/>
  <c r="B370" i="4"/>
  <c r="B374" i="4"/>
  <c r="B377" i="4"/>
  <c r="B378" i="4"/>
  <c r="B379" i="4"/>
  <c r="B382" i="4"/>
  <c r="B385" i="4"/>
  <c r="B386" i="4"/>
  <c r="B392" i="4"/>
  <c r="B393" i="4"/>
  <c r="B394" i="4"/>
  <c r="B395" i="4"/>
  <c r="B398" i="4"/>
  <c r="B401" i="4"/>
  <c r="B402" i="4"/>
  <c r="B406" i="4"/>
  <c r="B407" i="4"/>
  <c r="B408" i="4"/>
  <c r="B409" i="4"/>
  <c r="B410" i="4"/>
  <c r="B411" i="4"/>
  <c r="B417" i="4"/>
  <c r="B418" i="4"/>
  <c r="B420" i="4"/>
  <c r="B421" i="4"/>
  <c r="B424" i="4"/>
  <c r="B425" i="4"/>
  <c r="B426" i="4"/>
  <c r="B430" i="4"/>
  <c r="B433" i="4"/>
  <c r="B434" i="4"/>
  <c r="B438" i="4"/>
  <c r="B439" i="4"/>
  <c r="B440" i="4"/>
  <c r="B441" i="4"/>
  <c r="B442" i="4"/>
  <c r="B443" i="4"/>
  <c r="B446" i="4"/>
  <c r="B449" i="4"/>
  <c r="B450" i="4"/>
  <c r="B452" i="4"/>
  <c r="B453" i="4"/>
  <c r="B456" i="4"/>
  <c r="B457" i="4"/>
  <c r="B458" i="4"/>
  <c r="B459" i="4"/>
  <c r="B462" i="4"/>
  <c r="B465" i="4"/>
  <c r="B466" i="4"/>
  <c r="B470" i="4"/>
  <c r="B471" i="4"/>
  <c r="B472" i="4"/>
  <c r="B473" i="4"/>
  <c r="B474" i="4"/>
  <c r="B475" i="4"/>
  <c r="B478" i="4"/>
  <c r="B481" i="4"/>
  <c r="B482" i="4"/>
  <c r="B484" i="4"/>
  <c r="B485" i="4"/>
  <c r="B488" i="4"/>
  <c r="B489" i="4"/>
  <c r="B490" i="4"/>
  <c r="B491" i="4"/>
  <c r="B138" i="4"/>
  <c r="B141" i="4"/>
  <c r="B143" i="4"/>
  <c r="B144" i="4"/>
  <c r="B146" i="4"/>
  <c r="B149" i="4"/>
  <c r="B150" i="4"/>
  <c r="B151" i="4"/>
  <c r="B152" i="4"/>
  <c r="B154" i="4"/>
  <c r="B157" i="4"/>
  <c r="B158" i="4"/>
  <c r="B159" i="4"/>
  <c r="B160" i="4"/>
  <c r="B164" i="4"/>
  <c r="B166" i="4"/>
  <c r="B167" i="4"/>
  <c r="B168" i="4"/>
  <c r="B170" i="4"/>
  <c r="B171" i="4"/>
  <c r="B172" i="4"/>
  <c r="B173" i="4"/>
  <c r="B175" i="4"/>
  <c r="B176" i="4"/>
  <c r="B179" i="4"/>
  <c r="B180" i="4"/>
  <c r="B181" i="4"/>
  <c r="B182" i="4"/>
  <c r="B183" i="4"/>
  <c r="B184" i="4"/>
  <c r="B187" i="4"/>
  <c r="B188" i="4"/>
  <c r="B189" i="4"/>
  <c r="B190" i="4"/>
  <c r="B191" i="4"/>
  <c r="B192" i="4"/>
  <c r="B194" i="4"/>
  <c r="B195" i="4"/>
  <c r="B196" i="4"/>
  <c r="B198" i="4"/>
  <c r="B202" i="4"/>
  <c r="B203" i="4"/>
  <c r="B204" i="4"/>
  <c r="B205" i="4"/>
  <c r="B207" i="4"/>
  <c r="B208" i="4"/>
  <c r="B210" i="4"/>
  <c r="B211" i="4"/>
  <c r="B212" i="4"/>
  <c r="B213" i="4"/>
  <c r="B214" i="4"/>
  <c r="B218" i="4"/>
  <c r="B219" i="4"/>
  <c r="B220" i="4"/>
  <c r="B221" i="4"/>
  <c r="B222" i="4"/>
  <c r="B226" i="4"/>
  <c r="B227" i="4"/>
  <c r="B228" i="4"/>
  <c r="B231" i="4"/>
  <c r="B232" i="4"/>
  <c r="B234" i="4"/>
  <c r="B235" i="4"/>
  <c r="B236" i="4"/>
  <c r="B239" i="4"/>
  <c r="B240" i="4"/>
  <c r="B242" i="4"/>
  <c r="B243" i="4"/>
  <c r="B244" i="4"/>
  <c r="B245" i="4"/>
  <c r="B246" i="4"/>
  <c r="B247" i="4"/>
  <c r="B248" i="4"/>
  <c r="B250" i="4"/>
  <c r="B251" i="4"/>
  <c r="B252" i="4"/>
  <c r="B255" i="4"/>
  <c r="B256" i="4"/>
  <c r="B258" i="4"/>
  <c r="B259" i="4"/>
  <c r="B262" i="4"/>
  <c r="B263" i="4"/>
  <c r="B266" i="4"/>
  <c r="B269" i="4"/>
  <c r="B271" i="4"/>
  <c r="B272" i="4"/>
  <c r="B274" i="4"/>
  <c r="B275" i="4"/>
  <c r="B276" i="4"/>
  <c r="B277" i="4"/>
  <c r="B278" i="4"/>
  <c r="B279" i="4"/>
  <c r="B280" i="4"/>
  <c r="B282" i="4"/>
  <c r="B285" i="4"/>
  <c r="B286" i="4"/>
  <c r="B287" i="4"/>
  <c r="B288" i="4"/>
  <c r="B292" i="4"/>
  <c r="B294" i="4"/>
  <c r="B295" i="4"/>
  <c r="B296" i="4"/>
  <c r="B299" i="4"/>
  <c r="B300" i="4"/>
  <c r="B301" i="4"/>
  <c r="B303" i="4"/>
  <c r="B304" i="4"/>
  <c r="B307" i="4"/>
  <c r="B308" i="4"/>
  <c r="B309" i="4"/>
  <c r="B310" i="4"/>
  <c r="B311" i="4"/>
  <c r="B312" i="4"/>
  <c r="B314" i="4"/>
  <c r="B315" i="4"/>
  <c r="B316" i="4"/>
  <c r="B317" i="4"/>
  <c r="B318" i="4"/>
  <c r="B319" i="4"/>
  <c r="B320" i="4"/>
  <c r="B322" i="4"/>
  <c r="B323" i="4"/>
  <c r="B324" i="4"/>
  <c r="B326" i="4"/>
  <c r="B330" i="4"/>
  <c r="B331" i="4"/>
  <c r="B332" i="4"/>
  <c r="B333" i="4"/>
  <c r="B334" i="4"/>
  <c r="B338" i="4"/>
  <c r="B339" i="4"/>
  <c r="B340" i="4"/>
  <c r="B341" i="4"/>
  <c r="B342" i="4"/>
  <c r="B348" i="4"/>
  <c r="B349" i="4"/>
  <c r="B351" i="4"/>
  <c r="B352" i="4"/>
  <c r="B355" i="4"/>
  <c r="B358" i="4"/>
  <c r="B359" i="4"/>
  <c r="B364" i="4"/>
  <c r="B365" i="4"/>
  <c r="B367" i="4"/>
  <c r="B368" i="4"/>
  <c r="B371" i="4"/>
  <c r="B372" i="4"/>
  <c r="B373" i="4"/>
  <c r="B375" i="4"/>
  <c r="B376" i="4"/>
  <c r="B380" i="4"/>
  <c r="B381" i="4"/>
  <c r="B383" i="4"/>
  <c r="B384" i="4"/>
  <c r="B387" i="4"/>
  <c r="B388" i="4"/>
  <c r="B389" i="4"/>
  <c r="B390" i="4"/>
  <c r="B391" i="4"/>
  <c r="B396" i="4"/>
  <c r="B397" i="4"/>
  <c r="B399" i="4"/>
  <c r="B400" i="4"/>
  <c r="B403" i="4"/>
  <c r="B404" i="4"/>
  <c r="B405" i="4"/>
  <c r="B412" i="4"/>
  <c r="B413" i="4"/>
  <c r="B414" i="4"/>
  <c r="B415" i="4"/>
  <c r="B416" i="4"/>
  <c r="B419" i="4"/>
  <c r="B422" i="4"/>
  <c r="B423" i="4"/>
  <c r="B427" i="4"/>
  <c r="B428" i="4"/>
  <c r="B429" i="4"/>
  <c r="B431" i="4"/>
  <c r="B432" i="4"/>
  <c r="B435" i="4"/>
  <c r="B436" i="4"/>
  <c r="B437" i="4"/>
  <c r="B444" i="4"/>
  <c r="B445" i="4"/>
  <c r="B447" i="4"/>
  <c r="B448" i="4"/>
  <c r="B451" i="4"/>
  <c r="B454" i="4"/>
  <c r="B455" i="4"/>
  <c r="B460" i="4"/>
  <c r="B461" i="4"/>
  <c r="B463" i="4"/>
  <c r="B464" i="4"/>
  <c r="B467" i="4"/>
  <c r="B468" i="4"/>
  <c r="B469" i="4"/>
  <c r="B476" i="4"/>
  <c r="B477" i="4"/>
  <c r="B479" i="4"/>
  <c r="B480" i="4"/>
  <c r="B483" i="4"/>
  <c r="B486" i="4"/>
  <c r="B487" i="4"/>
  <c r="I5" i="4" l="1" a="1"/>
  <c r="I5" i="4" s="1"/>
  <c r="B85" i="4"/>
  <c r="B87" i="4"/>
  <c r="B86" i="4"/>
  <c r="B88" i="4"/>
  <c r="G79" i="5"/>
  <c r="F79" i="5" a="1"/>
  <c r="F79" i="5" s="1"/>
  <c r="G82" i="5"/>
  <c r="F82" i="5" a="1"/>
  <c r="F82" i="5" s="1"/>
  <c r="G83" i="5"/>
  <c r="F83" i="5" a="1"/>
  <c r="F83" i="5" s="1"/>
  <c r="G74" i="5"/>
  <c r="F74" i="5" a="1"/>
  <c r="F74" i="5" s="1"/>
  <c r="F75" i="5" a="1"/>
  <c r="F75" i="5" s="1"/>
  <c r="G75" i="5"/>
  <c r="G73" i="5"/>
  <c r="F73" i="5" a="1"/>
  <c r="F73" i="5" s="1"/>
  <c r="F84" i="5" a="1"/>
  <c r="F84" i="5" s="1"/>
  <c r="G84" i="5"/>
  <c r="F85" i="5" a="1"/>
  <c r="F85" i="5" s="1"/>
  <c r="G85" i="5"/>
  <c r="F76" i="5" a="1"/>
  <c r="F76" i="5" s="1"/>
  <c r="G76" i="5"/>
  <c r="F77" i="5" a="1"/>
  <c r="F77" i="5" s="1"/>
  <c r="G77" i="5"/>
  <c r="F86" i="5" a="1"/>
  <c r="F86" i="5" s="1"/>
  <c r="G86" i="5"/>
  <c r="F87" i="5" a="1"/>
  <c r="F87" i="5" s="1"/>
  <c r="G87" i="5"/>
  <c r="G78" i="5"/>
  <c r="F78" i="5" a="1"/>
  <c r="F78" i="5" s="1"/>
  <c r="F80" i="5" a="1"/>
  <c r="F80" i="5" s="1"/>
  <c r="G80" i="5"/>
  <c r="F81" i="5" a="1"/>
  <c r="F81" i="5" s="1"/>
  <c r="G81" i="5"/>
  <c r="G67" i="5"/>
  <c r="G71" i="5"/>
  <c r="G70" i="5"/>
  <c r="G69" i="5"/>
  <c r="G68" i="5"/>
  <c r="F72" i="5" a="1"/>
  <c r="F72" i="5" s="1"/>
  <c r="G72" i="5"/>
  <c r="F66" i="5" a="1"/>
  <c r="F66" i="5" s="1"/>
  <c r="B7" i="4"/>
  <c r="B6" i="4"/>
  <c r="H5" i="4" a="1"/>
  <c r="H5" i="4" s="1"/>
  <c r="B5" i="4"/>
  <c r="F14" i="5" a="1"/>
  <c r="F14" i="5" s="1"/>
  <c r="G22" i="5"/>
  <c r="B84" i="4" l="1"/>
  <c r="B27" i="4"/>
  <c r="B59" i="4"/>
  <c r="B44" i="4"/>
  <c r="B76" i="4"/>
  <c r="B33" i="4"/>
  <c r="B65" i="4"/>
  <c r="B22" i="4"/>
  <c r="B54" i="4"/>
  <c r="B31" i="4"/>
  <c r="B63" i="4"/>
  <c r="B16" i="4"/>
  <c r="B48" i="4"/>
  <c r="B80" i="4"/>
  <c r="B37" i="4"/>
  <c r="B69" i="4"/>
  <c r="B26" i="4"/>
  <c r="B58" i="4"/>
  <c r="B35" i="4"/>
  <c r="B67" i="4"/>
  <c r="B20" i="4"/>
  <c r="B52" i="4"/>
  <c r="B41" i="4"/>
  <c r="B73" i="4"/>
  <c r="B30" i="4"/>
  <c r="B62" i="4"/>
  <c r="B39" i="4"/>
  <c r="B71" i="4"/>
  <c r="B24" i="4"/>
  <c r="B56" i="4"/>
  <c r="B45" i="4"/>
  <c r="B77" i="4"/>
  <c r="B34" i="4"/>
  <c r="B66" i="4"/>
  <c r="B43" i="4"/>
  <c r="B75" i="4"/>
  <c r="B28" i="4"/>
  <c r="B60" i="4"/>
  <c r="B49" i="4"/>
  <c r="B81" i="4"/>
  <c r="B38" i="4"/>
  <c r="B70" i="4"/>
  <c r="B15" i="4"/>
  <c r="B47" i="4"/>
  <c r="B79" i="4"/>
  <c r="B32" i="4"/>
  <c r="B64" i="4"/>
  <c r="B21" i="4"/>
  <c r="B53" i="4"/>
  <c r="B42" i="4"/>
  <c r="B74" i="4"/>
  <c r="B14" i="4"/>
  <c r="B19" i="4"/>
  <c r="B51" i="4"/>
  <c r="B83" i="4"/>
  <c r="B36" i="4"/>
  <c r="B68" i="4"/>
  <c r="B25" i="4"/>
  <c r="B57" i="4"/>
  <c r="B46" i="4"/>
  <c r="B78" i="4"/>
  <c r="B23" i="4"/>
  <c r="B55" i="4"/>
  <c r="B40" i="4"/>
  <c r="B72" i="4"/>
  <c r="B29" i="4"/>
  <c r="B61" i="4"/>
  <c r="B50" i="4"/>
  <c r="B82" i="4"/>
  <c r="B18" i="4"/>
  <c r="B17" i="4"/>
  <c r="B12" i="4"/>
  <c r="B13" i="4"/>
  <c r="B11" i="4"/>
  <c r="B10" i="4"/>
  <c r="B9" i="4"/>
  <c r="B8" i="4"/>
  <c r="G97" i="5" l="1"/>
  <c r="G109" i="5"/>
  <c r="G110" i="5"/>
  <c r="G99" i="5"/>
  <c r="G88" i="5"/>
  <c r="G112" i="5"/>
  <c r="G101" i="5"/>
  <c r="G24" i="5"/>
  <c r="G98" i="5"/>
  <c r="G111" i="5"/>
  <c r="G100" i="5"/>
  <c r="F18" i="5" a="1"/>
  <c r="F18" i="5" s="1"/>
  <c r="G107" i="5"/>
  <c r="F51" i="5" a="1"/>
  <c r="F51" i="5" s="1"/>
  <c r="G103" i="5"/>
  <c r="G118" i="5"/>
  <c r="G90" i="5"/>
  <c r="G102" i="5"/>
  <c r="G114" i="5"/>
  <c r="G92" i="5"/>
  <c r="G104" i="5"/>
  <c r="G116" i="5"/>
  <c r="G105" i="5"/>
  <c r="G117" i="5"/>
  <c r="F57" i="5" a="1"/>
  <c r="F57" i="5" s="1"/>
  <c r="F10" i="5" a="1"/>
  <c r="F10" i="5" s="1"/>
  <c r="G93" i="5"/>
  <c r="G94" i="5"/>
  <c r="G106" i="5"/>
  <c r="G95" i="5"/>
  <c r="G31" i="5"/>
  <c r="G96" i="5"/>
  <c r="G108" i="5"/>
  <c r="G89" i="5"/>
  <c r="G113" i="5"/>
  <c r="G91" i="5"/>
  <c r="G115" i="5"/>
  <c r="F32" i="5" a="1"/>
  <c r="F32" i="5" s="1"/>
  <c r="F38" i="5" a="1"/>
  <c r="F38" i="5" s="1"/>
  <c r="F39" i="5" a="1"/>
  <c r="F39" i="5" s="1"/>
  <c r="F62" i="5" a="1"/>
  <c r="F62" i="5" s="1"/>
  <c r="G5" i="5"/>
  <c r="F64" i="5" a="1"/>
  <c r="F64" i="5" s="1"/>
  <c r="G19" i="5"/>
  <c r="G62" i="5"/>
  <c r="G53" i="5"/>
  <c r="G61" i="5"/>
  <c r="G23" i="5"/>
  <c r="G56" i="5"/>
  <c r="F24" i="5" a="1"/>
  <c r="F24" i="5" s="1"/>
  <c r="F12" i="5" a="1"/>
  <c r="F12" i="5" s="1"/>
  <c r="F7" i="5" a="1"/>
  <c r="F7" i="5" s="1"/>
  <c r="F19" i="5" a="1"/>
  <c r="F19" i="5" s="1"/>
  <c r="G36" i="5"/>
  <c r="G26" i="5"/>
  <c r="F96" i="5" a="1"/>
  <c r="F96" i="5" s="1"/>
  <c r="F16" i="5" a="1"/>
  <c r="F16" i="5" s="1"/>
  <c r="G58" i="5"/>
  <c r="G32" i="5"/>
  <c r="G18" i="5"/>
  <c r="F101" i="5" a="1"/>
  <c r="F101" i="5" s="1"/>
  <c r="G64" i="5"/>
  <c r="G8" i="5"/>
  <c r="G12" i="5"/>
  <c r="F98" i="5" a="1"/>
  <c r="F98" i="5" s="1"/>
  <c r="G33" i="5"/>
  <c r="F113" i="5" a="1"/>
  <c r="F113" i="5" s="1"/>
  <c r="G38" i="5"/>
  <c r="G16" i="5"/>
  <c r="F50" i="5" a="1"/>
  <c r="F50" i="5" s="1"/>
  <c r="G7" i="5"/>
  <c r="G15" i="5"/>
  <c r="G57" i="5"/>
  <c r="G59" i="5"/>
  <c r="G48" i="5"/>
  <c r="G46" i="5"/>
  <c r="F31" i="5" a="1"/>
  <c r="F31" i="5" s="1"/>
  <c r="G41" i="5"/>
  <c r="G28" i="5"/>
  <c r="G52" i="5"/>
  <c r="F8" i="5" a="1"/>
  <c r="F8" i="5" s="1"/>
  <c r="F110" i="5" a="1"/>
  <c r="F110" i="5" s="1"/>
  <c r="F23" i="5" a="1"/>
  <c r="F23" i="5" s="1"/>
  <c r="F48" i="5" a="1"/>
  <c r="F48" i="5" s="1"/>
  <c r="F54" i="5" a="1"/>
  <c r="F54" i="5" s="1"/>
  <c r="F111" i="5" a="1"/>
  <c r="F111" i="5" s="1"/>
  <c r="F116" i="5" a="1"/>
  <c r="F116" i="5" s="1"/>
  <c r="F94" i="5" a="1"/>
  <c r="F94" i="5" s="1"/>
  <c r="G10" i="5"/>
  <c r="G49" i="5"/>
  <c r="G37" i="5"/>
  <c r="G44" i="5"/>
  <c r="G42" i="5"/>
  <c r="F33" i="5" a="1"/>
  <c r="F33" i="5" s="1"/>
  <c r="F42" i="5" a="1"/>
  <c r="F42" i="5" s="1"/>
  <c r="F41" i="5" a="1"/>
  <c r="F41" i="5" s="1"/>
  <c r="F46" i="5" a="1"/>
  <c r="F46" i="5" s="1"/>
  <c r="F9" i="5" a="1"/>
  <c r="F9" i="5" s="1"/>
  <c r="G47" i="5"/>
  <c r="F6" i="5" a="1"/>
  <c r="F6" i="5" s="1"/>
  <c r="F65" i="5" a="1"/>
  <c r="F65" i="5" s="1"/>
  <c r="F104" i="5" a="1"/>
  <c r="F104" i="5" s="1"/>
  <c r="G11" i="5"/>
  <c r="G27" i="5"/>
  <c r="F11" i="5" a="1"/>
  <c r="F11" i="5" s="1"/>
  <c r="G17" i="5"/>
  <c r="F29" i="5" a="1"/>
  <c r="F29" i="5" s="1"/>
  <c r="F55" i="5" a="1"/>
  <c r="F55" i="5" s="1"/>
  <c r="F15" i="5" a="1"/>
  <c r="F15" i="5" s="1"/>
  <c r="F53" i="5" a="1"/>
  <c r="F53" i="5" s="1"/>
  <c r="F30" i="5" a="1"/>
  <c r="F30" i="5" s="1"/>
  <c r="F28" i="5" a="1"/>
  <c r="F28" i="5" s="1"/>
  <c r="F17" i="5" a="1"/>
  <c r="F17" i="5" s="1"/>
  <c r="F27" i="5" a="1"/>
  <c r="F27" i="5" s="1"/>
  <c r="G6" i="5"/>
  <c r="F21" i="5" a="1"/>
  <c r="F21" i="5" s="1"/>
  <c r="G34" i="5"/>
  <c r="F5" i="5" a="1"/>
  <c r="F5" i="5" s="1"/>
  <c r="G29" i="5"/>
  <c r="F44" i="5" a="1"/>
  <c r="F44" i="5" s="1"/>
  <c r="G50" i="5"/>
  <c r="F45" i="5" a="1"/>
  <c r="F45" i="5" s="1"/>
  <c r="F97" i="5" a="1"/>
  <c r="F97" i="5" s="1"/>
  <c r="F100" i="5" a="1"/>
  <c r="F100" i="5" s="1"/>
  <c r="F106" i="5" a="1"/>
  <c r="F106" i="5" s="1"/>
  <c r="G9" i="5"/>
  <c r="G63" i="5"/>
  <c r="G25" i="5"/>
  <c r="G51" i="5"/>
  <c r="G43" i="5"/>
  <c r="F115" i="5" a="1"/>
  <c r="F115" i="5" s="1"/>
  <c r="G54" i="5"/>
  <c r="F4" i="5" a="1"/>
  <c r="F4" i="5" s="1"/>
  <c r="F43" i="5" a="1"/>
  <c r="F43" i="5" s="1"/>
  <c r="F49" i="5" a="1"/>
  <c r="F49" i="5" s="1"/>
  <c r="F40" i="5" a="1"/>
  <c r="F40" i="5" s="1"/>
  <c r="F60" i="5" a="1"/>
  <c r="F60" i="5" s="1"/>
  <c r="F91" i="5" a="1"/>
  <c r="F91" i="5" s="1"/>
  <c r="F109" i="5" a="1"/>
  <c r="F109" i="5" s="1"/>
  <c r="F99" i="5" a="1"/>
  <c r="F99" i="5" s="1"/>
  <c r="F93" i="5" a="1"/>
  <c r="F93" i="5" s="1"/>
  <c r="G55" i="5"/>
  <c r="F92" i="5" a="1"/>
  <c r="F92" i="5" s="1"/>
  <c r="F47" i="5" a="1"/>
  <c r="F47" i="5" s="1"/>
  <c r="F13" i="5" a="1"/>
  <c r="F13" i="5" s="1"/>
  <c r="G21" i="5"/>
  <c r="G30" i="5"/>
  <c r="F20" i="5" a="1"/>
  <c r="F20" i="5" s="1"/>
  <c r="F118" i="5" a="1"/>
  <c r="F118" i="5" s="1"/>
  <c r="F108" i="5" a="1"/>
  <c r="F108" i="5" s="1"/>
  <c r="F37" i="5" a="1"/>
  <c r="F37" i="5" s="1"/>
  <c r="F102" i="5" a="1"/>
  <c r="F102" i="5" s="1"/>
  <c r="G65" i="5"/>
  <c r="F26" i="5" a="1"/>
  <c r="F26" i="5" s="1"/>
  <c r="F58" i="5" a="1"/>
  <c r="F58" i="5" s="1"/>
  <c r="F52" i="5" a="1"/>
  <c r="F52" i="5" s="1"/>
  <c r="G35" i="5"/>
  <c r="F90" i="5" a="1"/>
  <c r="F90" i="5" s="1"/>
  <c r="F34" i="5" a="1"/>
  <c r="F34" i="5" s="1"/>
  <c r="F117" i="5" a="1"/>
  <c r="F117" i="5" s="1"/>
  <c r="F114" i="5" a="1"/>
  <c r="F114" i="5" s="1"/>
  <c r="F112" i="5" a="1"/>
  <c r="F112" i="5" s="1"/>
  <c r="F36" i="5" a="1"/>
  <c r="F36" i="5" s="1"/>
  <c r="F35" i="5" a="1"/>
  <c r="F35" i="5" s="1"/>
  <c r="F61" i="5" a="1"/>
  <c r="F61" i="5" s="1"/>
  <c r="F103" i="5" a="1"/>
  <c r="F103" i="5" s="1"/>
  <c r="F107" i="5" a="1"/>
  <c r="F107" i="5" s="1"/>
  <c r="F95" i="5" a="1"/>
  <c r="F95" i="5" s="1"/>
  <c r="F88" i="5" a="1"/>
  <c r="F88" i="5" s="1"/>
  <c r="G20" i="5"/>
  <c r="G60" i="5"/>
  <c r="G45" i="5"/>
  <c r="F63" i="5" a="1"/>
  <c r="F63" i="5" s="1"/>
  <c r="F25" i="5" a="1"/>
  <c r="F25" i="5" s="1"/>
  <c r="F59" i="5" a="1"/>
  <c r="F59" i="5" s="1"/>
  <c r="F56" i="5" a="1"/>
  <c r="F56" i="5" s="1"/>
  <c r="F89" i="5" a="1"/>
  <c r="F89" i="5" s="1"/>
  <c r="F105" i="5" a="1"/>
  <c r="F105" i="5" s="1"/>
  <c r="G40" i="5"/>
  <c r="G13" i="5"/>
  <c r="G39" i="5"/>
  <c r="G4" i="5"/>
</calcChain>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BA258DF1-1504-408C-B874-58B979E4E648}" keepAlive="1" name="ThisWorkbookDataModel" description="Data Model" type="5" refreshedVersion="8" minRefreshableVersion="5" background="1">
    <dbPr connection="Data Model Connection" command="Model" commandType="1"/>
    <olapPr sendLocale="1" rowDrillCount="1000"/>
    <extLst>
      <ext xmlns:x15="http://schemas.microsoft.com/office/spreadsheetml/2010/11/main" uri="{DE250136-89BD-433C-8126-D09CA5730AF9}">
        <x15:connection id="" model="1"/>
      </ext>
    </extLst>
  </connection>
  <connection id="2" xr16:uid="{5DD0A370-FC29-4E75-90F2-FFA124C1C6BB}" name="WorksheetConnection_Data Callection Framework Template.xlsx!Tbl_Comments" type="102" refreshedVersion="8" minRefreshableVersion="5">
    <extLst>
      <ext xmlns:x15="http://schemas.microsoft.com/office/spreadsheetml/2010/11/main" uri="{DE250136-89BD-433C-8126-D09CA5730AF9}">
        <x15:connection id="Tbl_Comments">
          <x15:rangePr sourceName="_xlcn.WorksheetConnection_DataCallectionFrameworkTemplate.xlsxTbl_Comments1"/>
        </x15:connection>
      </ext>
    </extLst>
  </connection>
  <connection id="3" xr16:uid="{60152F02-0F24-4094-92E6-29DFC8111776}" name="WorksheetConnection_Data Callection Framework Template.xlsx!Tbl_Dialogue" type="102" refreshedVersion="8" minRefreshableVersion="5">
    <extLst>
      <ext xmlns:x15="http://schemas.microsoft.com/office/spreadsheetml/2010/11/main" uri="{DE250136-89BD-433C-8126-D09CA5730AF9}">
        <x15:connection id="Tbl_Dialogue">
          <x15:rangePr sourceName="_xlcn.WorksheetConnection_DataCallectionFrameworkTemplate.xlsxTbl_Dialogue1"/>
        </x15:connection>
      </ext>
    </extLst>
  </connection>
</connections>
</file>

<file path=xl/metadata.xml><?xml version="1.0" encoding="utf-8"?>
<metadata xmlns="http://schemas.openxmlformats.org/spreadsheetml/2006/main" xmlns:xlrd="http://schemas.microsoft.com/office/spreadsheetml/2017/richdata"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228" uniqueCount="136">
  <si>
    <t>Third-party Review Framework</t>
  </si>
  <si>
    <t>Parameter</t>
  </si>
  <si>
    <t>Value</t>
  </si>
  <si>
    <t>Supplementary Information</t>
  </si>
  <si>
    <t>LCA Assessor (Company)</t>
  </si>
  <si>
    <t>LCA Assessor</t>
  </si>
  <si>
    <t>N/A</t>
  </si>
  <si>
    <t>Third-party Reviewer (Company)</t>
  </si>
  <si>
    <t>Third-party Reviewer</t>
  </si>
  <si>
    <t xml:space="preserve">GUIDANCE:
In this cell, as Supplementary Information, the third-party reviewer is to include a short statement on their qualifications. Relevant qualifications include experience relevant to the building industry, years experience with carbon assessment, experience with the building typology relevant to the review, and statement of independence from the project. For City of London, see the CoL Carbon Optioneering Guidance for the relevant third-party reviewer qualifications.
</t>
  </si>
  <si>
    <t>Planning Officer (Sustainability)</t>
  </si>
  <si>
    <t>Planning Officer</t>
  </si>
  <si>
    <t xml:space="preserve">Scope of Third-party Review </t>
  </si>
  <si>
    <t>-</t>
  </si>
  <si>
    <r>
      <rPr>
        <sz val="8"/>
        <color theme="1"/>
        <rFont val="Arial"/>
        <family val="2"/>
      </rPr>
      <t xml:space="preserve">⬅️ </t>
    </r>
    <r>
      <rPr>
        <i/>
        <sz val="8"/>
        <color theme="1"/>
        <rFont val="Arial"/>
        <family val="2"/>
      </rPr>
      <t>GUIDANCE:
Reviewer to populate with Scope of the Review, for example City of London Carbon Optioneering TPR.</t>
    </r>
  </si>
  <si>
    <t>Planning Officer (Case Officer)</t>
  </si>
  <si>
    <t>List of Information Received for Review</t>
  </si>
  <si>
    <t>(1) ...
(2) …
(3) …
(4) …
…</t>
  </si>
  <si>
    <t>GUIDANCE:
Record any supplementary note about information received, if necessary.
Numbering information is recommended, to match the list and any supplementary information.</t>
  </si>
  <si>
    <t>⬅️ Click "+" to unfold supporting guidance for this sheet.</t>
  </si>
  <si>
    <t>Comment ID</t>
  </si>
  <si>
    <t>Comment</t>
  </si>
  <si>
    <t>Driver</t>
  </si>
  <si>
    <t>Opening Status</t>
  </si>
  <si>
    <t>Opening Date</t>
  </si>
  <si>
    <t>Latest Status</t>
  </si>
  <si>
    <t>Latest date</t>
  </si>
  <si>
    <r>
      <rPr>
        <b/>
        <sz val="9"/>
        <color theme="1"/>
        <rFont val="Arial"/>
        <family val="2"/>
      </rPr>
      <t xml:space="preserve">[GLA WLCA template] </t>
    </r>
    <r>
      <rPr>
        <sz val="9"/>
        <color theme="1"/>
        <rFont val="Arial"/>
        <family val="2"/>
      </rPr>
      <t>The Applicant has provided all information within the project details section of the template under the Detailed planning stage tab, in line with the GLA Whole Life-Cycle Carbon Assessment guidance document. Any outstanding inputs are clearly explained, e.g. if software tools from outside the GLA list are used, or if an unexpected operational modelling methodology is used.</t>
    </r>
  </si>
  <si>
    <t>GLA WLCA</t>
  </si>
  <si>
    <r>
      <rPr>
        <b/>
        <sz val="9"/>
        <color theme="1"/>
        <rFont val="Arial"/>
        <family val="2"/>
      </rPr>
      <t>[Operational energy, operational carbon, GLA guidance section 2.5.14].</t>
    </r>
    <r>
      <rPr>
        <sz val="9"/>
        <color theme="1"/>
        <rFont val="Arial"/>
        <family val="2"/>
      </rPr>
      <t xml:space="preserve"> The operational modelling methodology for Module B6 results follows TM54 (for non-domestic uses) and SAP (for domestic uses).</t>
    </r>
  </si>
  <si>
    <r>
      <rPr>
        <b/>
        <sz val="9"/>
        <color theme="1"/>
        <rFont val="Arial"/>
        <family val="2"/>
      </rPr>
      <t xml:space="preserve">[RSP, GLA guidance section 2.5.3] </t>
    </r>
    <r>
      <rPr>
        <sz val="9"/>
        <color theme="1"/>
        <rFont val="Arial"/>
        <family val="2"/>
      </rPr>
      <t>The assessment has been completed with a reference study period of 60 years.</t>
    </r>
  </si>
  <si>
    <r>
      <rPr>
        <b/>
        <sz val="9"/>
        <color theme="1"/>
        <rFont val="Arial"/>
        <family val="2"/>
      </rPr>
      <t>[Software, GLA guidance Appendix 1]</t>
    </r>
    <r>
      <rPr>
        <sz val="9"/>
        <color theme="1"/>
        <rFont val="Arial"/>
        <family val="2"/>
      </rPr>
      <t xml:space="preserve"> The software tool used is listed in Appendix 1 of the GLA Whole Life-Cycle Carbon Assessment guidance document. The Applicant has provided confirmation that the tool used follows BS EN 15978 and covers modules A-C as a minimum.</t>
    </r>
  </si>
  <si>
    <r>
      <rPr>
        <b/>
        <sz val="9"/>
        <color theme="1"/>
        <rFont val="Arial"/>
        <family val="2"/>
      </rPr>
      <t xml:space="preserve">[Carbon factor data, GLA guidance section 2.7] </t>
    </r>
    <r>
      <rPr>
        <sz val="9"/>
        <color theme="1"/>
        <rFont val="Arial"/>
        <family val="2"/>
      </rPr>
      <t>Carbon data for materials and products, and EPD database stated within the assessment, is from acceptable sources as set out in the GLA Whole Life-Cycle Carbon Assessment guidance document.</t>
    </r>
  </si>
  <si>
    <r>
      <rPr>
        <b/>
        <sz val="9"/>
        <color theme="1"/>
        <rFont val="Arial"/>
        <family val="2"/>
      </rPr>
      <t xml:space="preserve">[Completeness, % Cost, GLA guidance section 2.6.3] </t>
    </r>
    <r>
      <rPr>
        <sz val="9"/>
        <color theme="1"/>
        <rFont val="Arial"/>
        <family val="2"/>
      </rPr>
      <t>The Applicant has provided confirmation that the assessment accounts for a minimum of 95% of the capital cost allocated to each building element category.</t>
    </r>
  </si>
  <si>
    <r>
      <rPr>
        <b/>
        <sz val="9"/>
        <color theme="1"/>
        <rFont val="Arial"/>
        <family val="2"/>
      </rPr>
      <t xml:space="preserve">[Completeness, CAF, GLA guidance section 2.6.3] </t>
    </r>
    <r>
      <rPr>
        <sz val="9"/>
        <color theme="1"/>
        <rFont val="Arial"/>
        <family val="2"/>
      </rPr>
      <t>A coverage adjustment factor has been determined and applied; and in the reviewer's opinion, the adjustment factor is appropriate to the design stage.</t>
    </r>
  </si>
  <si>
    <r>
      <rPr>
        <b/>
        <sz val="9"/>
        <color rgb="FF000000"/>
        <rFont val="Arial"/>
        <family val="2"/>
      </rPr>
      <t>[Completeness, uncertainty, scrutiny and data quality, GLA WLCA guidance sections 2.3.3 and 3.4.1]</t>
    </r>
    <r>
      <rPr>
        <sz val="9"/>
        <color rgb="FF000000"/>
        <rFont val="Arial"/>
        <family val="2"/>
      </rPr>
      <t xml:space="preserve"> In addition to the CAF from the GLA guidance, the following complementary/non-contradictory context is considered: RICS 2nd ed. guidance on early design phase assessments advises 15% contingency to be applied, due in part to uncertainty in many building element quantities. Therefore, in lieu of a contingency (which the GLA WLCA guidance does not permit), a finding of 95-100% completeness at Concept design stage (i.e. no coverage adjustment) needs to be robustly justified by the Applicant (subject to the professional judgement of the reviewer).</t>
    </r>
  </si>
  <si>
    <t>GLA WLCA - Good Practice</t>
  </si>
  <si>
    <r>
      <rPr>
        <b/>
        <sz val="9"/>
        <color theme="1"/>
        <rFont val="Arial"/>
        <family val="2"/>
      </rPr>
      <t xml:space="preserve">[GLA WLCA template tables] </t>
    </r>
    <r>
      <rPr>
        <sz val="9"/>
        <color theme="1"/>
        <rFont val="Arial"/>
        <family val="2"/>
      </rPr>
      <t>An explanation is provided of the third-party mechanisms that have been adopted to quality assure the submission. It reflects the process undertaken by this reviewer.</t>
    </r>
  </si>
  <si>
    <r>
      <rPr>
        <b/>
        <sz val="9"/>
        <color theme="1"/>
        <rFont val="Arial"/>
        <family val="2"/>
      </rPr>
      <t xml:space="preserve">[Methodology, GLA guidance section 2.4] </t>
    </r>
    <r>
      <rPr>
        <sz val="9"/>
        <color theme="1"/>
        <rFont val="Arial"/>
        <family val="2"/>
      </rPr>
      <t>The assessment method stated conforms with BS EN 15978 and 'RICS Professional Statement and guidance, Whole Life carbon assessment for the built environment' (RICS PS) as set out in the GLA Whole Life-Cycle Carbon Assessment guidance document. 
As per GLA WLCA guidance statement (webpage current as of 13 February 2025), the review should be undertaken in accordance with RICS first edition methodology.</t>
    </r>
  </si>
  <si>
    <r>
      <rPr>
        <b/>
        <sz val="9"/>
        <color rgb="FF000000"/>
        <rFont val="Arial"/>
        <family val="2"/>
      </rPr>
      <t>[Methodology, scrutiny and data quality, GLA WLCA guidance sections 2.3.3 and 3.4.1]</t>
    </r>
    <r>
      <rPr>
        <sz val="9"/>
        <color rgb="FF000000"/>
        <rFont val="Arial"/>
        <family val="2"/>
      </rPr>
      <t xml:space="preserve"> For WLCA which consist of discrete buildings/assets (for example, multiple buildings on a shared podium/basement), the carbon impact of the shared elements are reported for each asset. The Applicant should agree any specific project requirements with Planners. Consideration may be given to RICS 2nd. ed. guidance on Multi-asset developments, for guidance)</t>
    </r>
  </si>
  <si>
    <r>
      <rPr>
        <b/>
        <sz val="9"/>
        <color theme="1"/>
        <rFont val="Arial"/>
        <family val="2"/>
      </rPr>
      <t>[Benchmark comparison, GLA guidance section 3.2.4-3.2.7]</t>
    </r>
    <r>
      <rPr>
        <sz val="9"/>
        <color theme="1"/>
        <rFont val="Arial"/>
        <family val="2"/>
      </rPr>
      <t xml:space="preserve"> The Applicant has identified the most appropriate benchmark for comparison, and provided commentary comparing outcomes against this benchmark (considering section 3.2.4-3.2.7 of the GLA WLC guidance, March 2022).</t>
    </r>
  </si>
  <si>
    <r>
      <rPr>
        <b/>
        <sz val="9"/>
        <color theme="1"/>
        <rFont val="Arial"/>
        <family val="2"/>
      </rPr>
      <t>[Benchmark comparison, GLA guidance section 3.2.4-3.2.7]</t>
    </r>
    <r>
      <rPr>
        <sz val="9"/>
        <color theme="1"/>
        <rFont val="Arial"/>
        <family val="2"/>
      </rPr>
      <t xml:space="preserve"> The Applicant has provided results that {do/do not} fall within the WLC benchmarks for A1-A5. The Applicant {has/has not} reasonably explained the reasons for any divergences from the WLC benchmark.</t>
    </r>
  </si>
  <si>
    <r>
      <rPr>
        <b/>
        <sz val="9"/>
        <color theme="1"/>
        <rFont val="Arial"/>
        <family val="2"/>
      </rPr>
      <t xml:space="preserve">[Benchmark comparison, GLA guidance section 3.2.4-3.2.7] </t>
    </r>
    <r>
      <rPr>
        <sz val="9"/>
        <color theme="1"/>
        <rFont val="Arial"/>
        <family val="2"/>
      </rPr>
      <t>The Applicant has provided results that {do/do not} fall within the WLC benchmarks for B-C. The Applicant {has/has not} reasonably explained the reasons for any divergences from the WLC benchmark.</t>
    </r>
  </si>
  <si>
    <r>
      <rPr>
        <b/>
        <sz val="9"/>
        <color theme="1"/>
        <rFont val="Arial"/>
        <family val="2"/>
      </rPr>
      <t xml:space="preserve">[Building retention, GLA guidance section 3.1.3]. </t>
    </r>
    <r>
      <rPr>
        <sz val="9"/>
        <color theme="1"/>
        <rFont val="Arial"/>
        <family val="2"/>
      </rPr>
      <t>Options for retaining existing buildings and structures have been fully explored before considering substantial demolition.</t>
    </r>
  </si>
  <si>
    <r>
      <rPr>
        <b/>
        <sz val="9"/>
        <color theme="1"/>
        <rFont val="Arial"/>
        <family val="2"/>
      </rPr>
      <t xml:space="preserve">[Demolition, GLA WLCA template tables, GLA guidance section 3.1.4 and 3.2.2/Box 4] </t>
    </r>
    <r>
      <rPr>
        <sz val="9"/>
        <color theme="1"/>
        <rFont val="Arial"/>
        <family val="2"/>
      </rPr>
      <t>The Applicant has reported pre-construction demolition carbon emissions.</t>
    </r>
  </si>
  <si>
    <r>
      <rPr>
        <b/>
        <sz val="9"/>
        <color rgb="FF000000"/>
        <rFont val="Arial"/>
        <family val="2"/>
      </rPr>
      <t>[Demolition, scrutiny and data quality, GLA WLCA guidance sections 2.3.3 and 3.4.1]</t>
    </r>
    <r>
      <rPr>
        <sz val="9"/>
        <color rgb="FF000000"/>
        <rFont val="Arial"/>
        <family val="2"/>
      </rPr>
      <t xml:space="preserve"> If the Applicant has not used the GLA standard assumption of 50kgCO2e/m2 for pre-construction demolition, there is evidence that the team is managing risks in the pre-construction phase, to control and report the actual pre-construction demolition emissions (including waste and on-site fuel use).</t>
    </r>
  </si>
  <si>
    <r>
      <rPr>
        <b/>
        <sz val="9"/>
        <color rgb="FF000000"/>
        <rFont val="Arial"/>
        <family val="2"/>
      </rPr>
      <t>[Building retention, GLA WLCA template tables, GLA guidance section 3.2.2]</t>
    </r>
    <r>
      <rPr>
        <sz val="9"/>
        <color rgb="FF000000"/>
        <rFont val="Arial"/>
        <family val="2"/>
      </rPr>
      <t xml:space="preserve"> The Applicant has provided the percentage estimates of the new building development which will be made up of existing elements.</t>
    </r>
  </si>
  <si>
    <r>
      <rPr>
        <b/>
        <sz val="9"/>
        <color rgb="FF000000"/>
        <rFont val="Arial"/>
        <family val="2"/>
      </rPr>
      <t>[Building retention metrics, scrutiny and data quality, GLA WLCA guidance sections 2.3.3 and 3.4.1]</t>
    </r>
    <r>
      <rPr>
        <sz val="9"/>
        <color rgb="FF000000"/>
        <rFont val="Arial"/>
        <family val="2"/>
      </rPr>
      <t xml:space="preserve"> The Applicant has provided estimates of retention of existing elements (retention by mass). To provide transparency for review, should be split by building element category, for example substructure, superstructure, façade. To support the third-party review, the Applicant should provide commentary on if/how retention has influenced embodied carbon emissions. For example, if retained substructure elements have offset the need for new substructure.</t>
    </r>
  </si>
  <si>
    <r>
      <rPr>
        <b/>
        <sz val="9"/>
        <color theme="1"/>
        <rFont val="Arial"/>
        <family val="2"/>
      </rPr>
      <t xml:space="preserve">[Carbon reductions achieved, GLA WLCA template tables] </t>
    </r>
    <r>
      <rPr>
        <sz val="9"/>
        <color theme="1"/>
        <rFont val="Arial"/>
        <family val="2"/>
      </rPr>
      <t>The applicant has identified key carbon reduction interventions which have been incorporated into the proposed design.</t>
    </r>
  </si>
  <si>
    <r>
      <rPr>
        <b/>
        <sz val="9"/>
        <color theme="1"/>
        <rFont val="Arial"/>
        <family val="2"/>
      </rPr>
      <t xml:space="preserve">[Carbon reduction options (further), GLA WLCA template tables] </t>
    </r>
    <r>
      <rPr>
        <sz val="9"/>
        <color theme="1"/>
        <rFont val="Arial"/>
        <family val="2"/>
      </rPr>
      <t>The Applicant has provided details of further potential opportunities which could be investigated as the design progresses, but which don't currently contribute towards the emissions reported in this WLC assessment. 
Furthermore, The Applicant has provided commentary regarding the technical and economic viability of those opportunities.
{Reviewer to provide remark on review of the opportunity calculations, considering technical quality, level of ambition, and identify whether there is evidence the opportunities are being managed from a technical and economic perspective}</t>
    </r>
  </si>
  <si>
    <r>
      <rPr>
        <b/>
        <sz val="9"/>
        <color theme="1"/>
        <rFont val="Arial"/>
        <family val="2"/>
      </rPr>
      <t>[GLA WLCA template tables]</t>
    </r>
    <r>
      <rPr>
        <sz val="9"/>
        <color theme="1"/>
        <rFont val="Arial"/>
        <family val="2"/>
      </rPr>
      <t xml:space="preserve"> The Applicant has provided all material types and quantities for all the applicable building element categories and align with the Assessment table.</t>
    </r>
  </si>
  <si>
    <r>
      <rPr>
        <b/>
        <sz val="9"/>
        <color theme="1"/>
        <rFont val="Arial"/>
        <family val="2"/>
      </rPr>
      <t>[GLA WLCA template tables]</t>
    </r>
    <r>
      <rPr>
        <sz val="9"/>
        <color theme="1"/>
        <rFont val="Arial"/>
        <family val="2"/>
      </rPr>
      <t xml:space="preserve"> Assumptions made with respect to maintenance, repair and replacement cycles (Module B) have been stated.</t>
    </r>
  </si>
  <si>
    <r>
      <rPr>
        <b/>
        <sz val="9"/>
        <color theme="1"/>
        <rFont val="Arial"/>
        <family val="2"/>
      </rPr>
      <t xml:space="preserve">[GLA WLCA template tables] </t>
    </r>
    <r>
      <rPr>
        <sz val="9"/>
        <color theme="1"/>
        <rFont val="Arial"/>
        <family val="2"/>
      </rPr>
      <t>Material 'end of life' scenarios (Module C) has been filled out for all applicable significant materials and aligns with the project's separate Circular Economy Statement.</t>
    </r>
  </si>
  <si>
    <r>
      <rPr>
        <b/>
        <sz val="9"/>
        <color theme="1"/>
        <rFont val="Arial"/>
        <family val="2"/>
      </rPr>
      <t>[GLA WLCA template tables]</t>
    </r>
    <r>
      <rPr>
        <sz val="9"/>
        <color theme="1"/>
        <rFont val="Arial"/>
        <family val="2"/>
      </rPr>
      <t xml:space="preserve"> The Applicant has provided an estimated mass (kg) of reusable and recyclable materials for each building element category.</t>
    </r>
  </si>
  <si>
    <r>
      <rPr>
        <b/>
        <sz val="9"/>
        <color theme="1"/>
        <rFont val="Arial"/>
        <family val="2"/>
      </rPr>
      <t xml:space="preserve">[GLA WLCA template tables] </t>
    </r>
    <r>
      <rPr>
        <sz val="9"/>
        <color theme="1"/>
        <rFont val="Arial"/>
        <family val="2"/>
      </rPr>
      <t xml:space="preserve">The Applicant has reported the estimated absolute WLC emissions (kgCO2e) and intensity (kgCO2e/m² GIA) for each life-cycle module.
</t>
    </r>
  </si>
  <si>
    <r>
      <rPr>
        <b/>
        <sz val="9"/>
        <color theme="1"/>
        <rFont val="Arial"/>
        <family val="2"/>
      </rPr>
      <t>[GLA WLCA template tables]</t>
    </r>
    <r>
      <rPr>
        <sz val="9"/>
        <color theme="1"/>
        <rFont val="Arial"/>
        <family val="2"/>
      </rPr>
      <t xml:space="preserve"> The Applicant has completed the ‘GWP of all life-cycle modules’ table.</t>
    </r>
  </si>
  <si>
    <r>
      <rPr>
        <b/>
        <sz val="9"/>
        <color theme="1"/>
        <rFont val="Arial"/>
        <family val="2"/>
      </rPr>
      <t xml:space="preserve">[GLA WLCA template tables] </t>
    </r>
    <r>
      <rPr>
        <sz val="9"/>
        <color theme="1"/>
        <rFont val="Arial"/>
        <family val="2"/>
      </rPr>
      <t>The Applicant has completed ‘material quantities and end-of-life scenarios’ table covering all building element categories, and the results cover all of the life-cycle modules (A1-A5, B1-B5, B6-B7, C1-C4 and D).</t>
    </r>
  </si>
  <si>
    <r>
      <rPr>
        <b/>
        <sz val="9"/>
        <color theme="1"/>
        <rFont val="Arial"/>
        <family val="2"/>
      </rPr>
      <t xml:space="preserve">[GLA WLCA template tables] </t>
    </r>
    <r>
      <rPr>
        <sz val="9"/>
        <color theme="1"/>
        <rFont val="Arial"/>
        <family val="2"/>
      </rPr>
      <t xml:space="preserve">The Applicant has provided details of the refrigerants (name, charge, annual leakage rate, GWP, end of life recovery rate). </t>
    </r>
  </si>
  <si>
    <r>
      <rPr>
        <b/>
        <sz val="9"/>
        <color rgb="FF000000"/>
        <rFont val="Arial"/>
        <family val="2"/>
      </rPr>
      <t xml:space="preserve">[Refrigerants, GLA guidance sections 2.5.8-2.5.9] </t>
    </r>
    <r>
      <rPr>
        <sz val="9"/>
        <color rgb="FF000000"/>
        <rFont val="Arial"/>
        <family val="2"/>
      </rPr>
      <t>The Applicant's refrigerant inputs to the WLCA are justified by supporting evidence (particularly if low-GWP refrigerants are assumed), or else industry guidance appropriate to an early-stage estimate.</t>
    </r>
  </si>
  <si>
    <r>
      <rPr>
        <b/>
        <sz val="9"/>
        <color rgb="FF000000"/>
        <rFont val="Arial"/>
        <family val="2"/>
      </rPr>
      <t>[Benchmarks, scrutiny and data quality, GLA WLCA guidance sections 2.3.3 and 3.4.1]</t>
    </r>
    <r>
      <rPr>
        <sz val="9"/>
        <color rgb="FF000000"/>
        <rFont val="Arial"/>
        <family val="2"/>
      </rPr>
      <t xml:space="preserve"> Where benchmarks are used to represent the carbon impact of broad building elements (e.g. all FF&amp;E or MEP), the reviewer has assessed the credibility and relevance of the benchmark.</t>
    </r>
  </si>
  <si>
    <r>
      <rPr>
        <b/>
        <sz val="9"/>
        <color rgb="FF000000"/>
        <rFont val="Arial"/>
        <family val="2"/>
      </rPr>
      <t xml:space="preserve">[Benchmarks. scrutiny and data quality, GLA WLCA guidance sections 2.3.3 and 3.4.1]. </t>
    </r>
    <r>
      <rPr>
        <sz val="9"/>
        <color rgb="FF000000"/>
        <rFont val="Arial"/>
        <family val="2"/>
      </rPr>
      <t>In addition to the GLA guidance, the following complementary/non-contradictory context is considered: early design baseline WLCAs should be based on "typical practice", as opposed to aspirations. Note, this is complementary, non-contradictory with RICS 1st ed.</t>
    </r>
  </si>
  <si>
    <r>
      <rPr>
        <b/>
        <sz val="9"/>
        <color rgb="FF000000"/>
        <rFont val="Arial"/>
        <family val="2"/>
      </rPr>
      <t>[Assumptions, scrutiny and data quality, GLA WLCA guidance sections 2.3.3 and 3.4.1]</t>
    </r>
    <r>
      <rPr>
        <sz val="9"/>
        <color rgb="FF000000"/>
        <rFont val="Arial"/>
        <family val="2"/>
      </rPr>
      <t xml:space="preserve"> Where non-default assumptions to RICS (e.g. carbon factors, transport distances, life spans, etc.) are used, there is evidence that the team is managing the risks/opportunities associated with these assumptions, to ensure these are achieved during construction stage. The reviewer is satisfied with the use of the non-default assumptions in the baseline, rather than as Opportunities.</t>
    </r>
  </si>
  <si>
    <r>
      <rPr>
        <b/>
        <sz val="9"/>
        <color rgb="FF000000"/>
        <rFont val="Arial"/>
        <family val="2"/>
      </rPr>
      <t>[Methodology, scrutiny and data quality, GLA WLCA guidance sections 2.3.3 and 3.4.1]</t>
    </r>
    <r>
      <rPr>
        <sz val="9"/>
        <color rgb="FF000000"/>
        <rFont val="Arial"/>
        <family val="2"/>
      </rPr>
      <t xml:space="preserve"> Where the Applicant has used non-contradictory, complementary industry guidance (e.g. Centre for Window and Cladding Technology (CWCT) guidance on embodied carbon, CIBSE TM65 guidance for building services), the reviewer has considered the inputs to the relevant calculations, and is satisfied these are appropriate for early-stage assessments.</t>
    </r>
  </si>
  <si>
    <r>
      <rPr>
        <b/>
        <sz val="9"/>
        <color theme="1"/>
        <rFont val="Arial"/>
        <family val="2"/>
      </rPr>
      <t>[Building retention, Application stage WLCA]</t>
    </r>
    <r>
      <rPr>
        <sz val="9"/>
        <color theme="1"/>
        <rFont val="Arial"/>
        <family val="2"/>
      </rPr>
      <t xml:space="preserve"> For applications which also had to comply with CoL COG: The applicant has confirmed whether their planning scheme / application stage WLCA is/is not substantially different. If it is substantially different, an addendum to the Carbon Options Study is provided, satisfying the City of London guidance.
</t>
    </r>
    <r>
      <rPr>
        <i/>
        <sz val="9"/>
        <color theme="1"/>
        <rFont val="Arial"/>
        <family val="2"/>
      </rPr>
      <t>{Refer to the City of London Carbon Options Guidance Planning Advice Note for details on this requirement including the definition of 'substantially different', and the reporting requirements if this applies.}</t>
    </r>
  </si>
  <si>
    <t>CoL Carbon Options Guidance (COG)</t>
  </si>
  <si>
    <r>
      <rPr>
        <b/>
        <sz val="9"/>
        <color theme="1"/>
        <rFont val="Arial"/>
        <family val="2"/>
      </rPr>
      <t>[Post-construction, multiple references to post-construction requirements throughout GLA guidance]</t>
    </r>
    <r>
      <rPr>
        <sz val="9"/>
        <color theme="1"/>
        <rFont val="Arial"/>
        <family val="2"/>
      </rPr>
      <t xml:space="preserve"> The Applicant has committed to update the following: 
* Update WLC calculation results for all modules based on actual materials, products, and systems.
* Include actual transportation emissions for modules A1-A5.
* Align ‘material quantities and end-of-life scenarios’ table and modules C3 and D with the post-construction Circular Economy Statement.</t>
    </r>
  </si>
  <si>
    <r>
      <rPr>
        <b/>
        <sz val="9"/>
        <color theme="1"/>
        <rFont val="Arial"/>
        <family val="2"/>
      </rPr>
      <t>[Post-construction, multiple references to post-construction requirements throughout GLA guidance]</t>
    </r>
    <r>
      <rPr>
        <sz val="9"/>
        <color theme="1"/>
        <rFont val="Arial"/>
        <family val="2"/>
      </rPr>
      <t xml:space="preserve"> The Applicant has committed to submit the following Minimum Evidence Requirements:
* Submit site energy (including fuel) use record.
* Provide contractor confirmation of as-built material quantities and specifications.
* Record material delivery details, including distance travelled and transportation mode.
* Record waste transportation details, including waste quantity, distance travelled, and transportation mode, broken down into material categories.
* List product-specific EPDs for installed products.</t>
    </r>
  </si>
  <si>
    <r>
      <rPr>
        <b/>
        <sz val="9"/>
        <color theme="1"/>
        <rFont val="Arial"/>
        <family val="2"/>
      </rPr>
      <t>[Post-construction, multiple references to post-construction requirements throughout GLA guidance]</t>
    </r>
    <r>
      <rPr>
        <sz val="9"/>
        <color theme="1"/>
        <rFont val="Arial"/>
        <family val="2"/>
      </rPr>
      <t xml:space="preserve"> The Applicant has committed to compare post-construction assessment with Baseline WLC Emissions:
* Compare post-construction results with WLC emissions baseline reported at planning submission stage.
* Provide an explanation for any differences, including design changes.</t>
    </r>
  </si>
  <si>
    <r>
      <rPr>
        <b/>
        <sz val="9"/>
        <color theme="1"/>
        <rFont val="Arial"/>
        <family val="2"/>
      </rPr>
      <t>[Post-construction, multiple references to post-construction requirements throughout GLA guidance]</t>
    </r>
    <r>
      <rPr>
        <sz val="9"/>
        <color theme="1"/>
        <rFont val="Arial"/>
        <family val="2"/>
      </rPr>
      <t xml:space="preserve"> The Applicant has committed to compare post-construction assessment with WLC Benchmarks:
* Compare post-construction results with WLC benchmarks.
* Provide an explanation for any differences.</t>
    </r>
  </si>
  <si>
    <r>
      <rPr>
        <b/>
        <sz val="9"/>
        <color theme="1"/>
        <rFont val="Arial"/>
        <family val="2"/>
      </rPr>
      <t>[Post-construction, multiple references to post-construction requirements throughout GLA guidance]</t>
    </r>
    <r>
      <rPr>
        <sz val="9"/>
        <color theme="1"/>
        <rFont val="Arial"/>
        <family val="2"/>
      </rPr>
      <t xml:space="preserve"> The Applicant has committed to develop a Summary of Lessons Learnt:
* Summarise lessons learnt to inform future projects.
* Include what went well and what could be improved to achieve WLC reductions.</t>
    </r>
  </si>
  <si>
    <r>
      <rPr>
        <b/>
        <sz val="9"/>
        <color theme="1"/>
        <rFont val="Arial"/>
        <family val="2"/>
      </rPr>
      <t>[Methodology, CoL COG section 6]</t>
    </r>
    <r>
      <rPr>
        <sz val="9"/>
        <color theme="1"/>
        <rFont val="Arial"/>
        <family val="2"/>
      </rPr>
      <t xml:space="preserve"> The methodology to calculate the carbon impacts is aligned with the CoL COG’s recommendations. </t>
    </r>
  </si>
  <si>
    <r>
      <rPr>
        <b/>
        <sz val="9"/>
        <color theme="1"/>
        <rFont val="Arial"/>
        <family val="2"/>
      </rPr>
      <t>[Redevelopment options, scope, transparency, CoL COG section 6]</t>
    </r>
    <r>
      <rPr>
        <sz val="9"/>
        <color theme="1"/>
        <rFont val="Arial"/>
        <family val="2"/>
      </rPr>
      <t xml:space="preserve"> The scope of building works which are considered in the study are clearly set out across options.</t>
    </r>
  </si>
  <si>
    <r>
      <rPr>
        <b/>
        <sz val="9"/>
        <color theme="1"/>
        <rFont val="Arial"/>
        <family val="2"/>
      </rPr>
      <t>[Redevelopment options, scope, consistency, CoL COG section 6]</t>
    </r>
    <r>
      <rPr>
        <sz val="9"/>
        <color theme="1"/>
        <rFont val="Arial"/>
        <family val="2"/>
      </rPr>
      <t xml:space="preserve"> The WLCA scope (i.e. building element categories and carbon assessment modules) is aligned across options.</t>
    </r>
  </si>
  <si>
    <r>
      <rPr>
        <b/>
        <sz val="9"/>
        <color theme="1"/>
        <rFont val="Arial"/>
        <family val="2"/>
      </rPr>
      <t>[Results, CoL COG section 6]</t>
    </r>
    <r>
      <rPr>
        <sz val="9"/>
        <color theme="1"/>
        <rFont val="Arial"/>
        <family val="2"/>
      </rPr>
      <t xml:space="preserve"> Carbon estimates are aligned with scope of works for each option. </t>
    </r>
  </si>
  <si>
    <r>
      <rPr>
        <b/>
        <sz val="9"/>
        <color theme="1"/>
        <rFont val="Arial"/>
        <family val="2"/>
      </rPr>
      <t>[B1-B5, consistency, transparency]</t>
    </r>
    <r>
      <rPr>
        <sz val="9"/>
        <color theme="1"/>
        <rFont val="Arial"/>
        <family val="2"/>
      </rPr>
      <t xml:space="preserve"> Maintenance and replacement cycle assumptions are aligned with industry guidance; and consistent across options. Any deviations from the industry guidance are justified from a technical and economic perspective; justification is proportionate to the impact of the deviation.</t>
    </r>
  </si>
  <si>
    <r>
      <rPr>
        <b/>
        <sz val="9"/>
        <color theme="1"/>
        <rFont val="Arial"/>
        <family val="2"/>
      </rPr>
      <t xml:space="preserve">[Assumptions, architecture, transparency, consistency] </t>
    </r>
    <r>
      <rPr>
        <sz val="9"/>
        <color theme="1"/>
        <rFont val="Arial"/>
        <family val="2"/>
      </rPr>
      <t>Assumptions for the Architectural elements are consistent between the development options. If this is different due to varying occupancies or fit-out strategies, this should be justified by the Applicant.</t>
    </r>
  </si>
  <si>
    <r>
      <rPr>
        <b/>
        <sz val="9"/>
        <color theme="1"/>
        <rFont val="Arial"/>
        <family val="2"/>
      </rPr>
      <t xml:space="preserve">[Assumptions. MEP, consistency, transparency] </t>
    </r>
    <r>
      <rPr>
        <sz val="9"/>
        <color theme="1"/>
        <rFont val="Arial"/>
        <family val="2"/>
      </rPr>
      <t>Assumptions for Building Services elements/ performance are aligned between the development options. If different due to system selection or constraints, this is clearly outlined.</t>
    </r>
  </si>
  <si>
    <r>
      <rPr>
        <b/>
        <sz val="9"/>
        <color theme="1"/>
        <rFont val="Arial"/>
        <family val="2"/>
      </rPr>
      <t>[Assumptions, benchmarks, consistency, transparency]</t>
    </r>
    <r>
      <rPr>
        <sz val="9"/>
        <color theme="1"/>
        <rFont val="Arial"/>
        <family val="2"/>
      </rPr>
      <t xml:space="preserve"> Where benchmarks are adopted, this is clearly communicated, and guidance of CoL COG secton 6, item 6, is addressed. This includes:
- The sources of benchmarks are appropriately aligned with the proposed occupancy e.g. Office, and are reasonably conservative (e.g. 'business as usual' rather than aspirational targets)
- Assumptions are aligned between option; or if there is a deviation, differences are declared and justified.</t>
    </r>
  </si>
  <si>
    <r>
      <rPr>
        <b/>
        <sz val="9"/>
        <color theme="1"/>
        <rFont val="Arial"/>
        <family val="2"/>
      </rPr>
      <t>[Change of use, CoL COG section 6]</t>
    </r>
    <r>
      <rPr>
        <sz val="9"/>
        <color theme="1"/>
        <rFont val="Arial"/>
        <family val="2"/>
      </rPr>
      <t xml:space="preserve"> If development proposals include a change of use (e.g. office to residential), the scope of work and associated carbon estimates are aligned with proposed works.</t>
    </r>
  </si>
  <si>
    <r>
      <rPr>
        <b/>
        <sz val="9"/>
        <color theme="1"/>
        <rFont val="Arial"/>
        <family val="2"/>
      </rPr>
      <t xml:space="preserve">[Evaluation, parameters, transparency] </t>
    </r>
    <r>
      <rPr>
        <sz val="9"/>
        <color theme="1"/>
        <rFont val="Arial"/>
        <family val="2"/>
      </rPr>
      <t xml:space="preserve">The evaluation provides an overall summary that is clear. The justification for the proposed option is clearly communicated. </t>
    </r>
  </si>
  <si>
    <r>
      <rPr>
        <b/>
        <sz val="9"/>
        <color theme="1"/>
        <rFont val="Arial"/>
        <family val="2"/>
      </rPr>
      <t xml:space="preserve">[Existing building] </t>
    </r>
    <r>
      <rPr>
        <sz val="9"/>
        <color theme="1"/>
        <rFont val="Arial"/>
        <family val="2"/>
      </rPr>
      <t xml:space="preserve">The Applicant has provided key information of the existing building(s) including occupancy, age, key systems and materials, and its condition. </t>
    </r>
  </si>
  <si>
    <r>
      <rPr>
        <b/>
        <sz val="9"/>
        <color theme="1"/>
        <rFont val="Arial"/>
        <family val="2"/>
      </rPr>
      <t xml:space="preserve">[Existing building] </t>
    </r>
    <r>
      <rPr>
        <sz val="9"/>
        <color theme="1"/>
        <rFont val="Arial"/>
        <family val="2"/>
      </rPr>
      <t>The Applicant has provided information on the energy performance of the existing building(s), such as EPC rating.</t>
    </r>
  </si>
  <si>
    <r>
      <rPr>
        <b/>
        <sz val="9"/>
        <color theme="1"/>
        <rFont val="Arial"/>
        <family val="2"/>
      </rPr>
      <t xml:space="preserve">[Surveys, CoL COG] </t>
    </r>
    <r>
      <rPr>
        <sz val="9"/>
        <color theme="1"/>
        <rFont val="Arial"/>
        <family val="2"/>
      </rPr>
      <t>Where demolition or redevelopment is justified based on the poor condition of existing building elements/systems e.g. facades, this evaluation process is supported by site surveys or technical input from specialists, as applicable to the project.</t>
    </r>
  </si>
  <si>
    <t>CoL Carbon Options Guidance (COG) - Good Practice</t>
  </si>
  <si>
    <r>
      <rPr>
        <b/>
        <sz val="9"/>
        <color theme="1"/>
        <rFont val="Arial"/>
        <family val="2"/>
      </rPr>
      <t>[Temporary works, Building complexity, CoL COG section 4]</t>
    </r>
    <r>
      <rPr>
        <sz val="9"/>
        <color theme="1"/>
        <rFont val="Arial"/>
        <family val="2"/>
      </rPr>
      <t xml:space="preserve"> The Applicant has considered the possible impact of temporary works, particularly if specific options require more complex or bespoke temporary works. 
This prompt is intended to encourage reasonable considerations for redevelopment options that rely heavily on complex deconstruction/construction sequences, site logistics and constrained sites. Considerations should be proportionate to the complexity proposed and the impact of the complexity on the project. It is to avoid significant upfront carbon revision later, which may contradict the early options study.</t>
    </r>
  </si>
  <si>
    <r>
      <rPr>
        <b/>
        <sz val="9"/>
        <color theme="1"/>
        <rFont val="Arial"/>
        <family val="2"/>
      </rPr>
      <t>[Carbon calculations for structure, CoL COG section 6]</t>
    </r>
    <r>
      <rPr>
        <sz val="9"/>
        <color theme="1"/>
        <rFont val="Arial"/>
        <family val="2"/>
      </rPr>
      <t xml:space="preserve"> The carbon factors adopted for structural engineer estimates are provided. Carbon factors are aligned with industry guidance e.g. RICS, IStructE. </t>
    </r>
  </si>
  <si>
    <r>
      <rPr>
        <b/>
        <sz val="9"/>
        <color theme="1"/>
        <rFont val="Arial"/>
        <family val="2"/>
      </rPr>
      <t>[Carbon factors, CoL COG section 6]</t>
    </r>
    <r>
      <rPr>
        <sz val="9"/>
        <color theme="1"/>
        <rFont val="Arial"/>
        <family val="2"/>
      </rPr>
      <t xml:space="preserve"> Carbon factors for materials adopted for structural engineer estimates are consistent across options.</t>
    </r>
  </si>
  <si>
    <r>
      <rPr>
        <b/>
        <sz val="9"/>
        <color theme="1"/>
        <rFont val="Arial"/>
        <family val="2"/>
      </rPr>
      <t>[Carbon calculations for structure, CoL COG section 6]</t>
    </r>
    <r>
      <rPr>
        <sz val="9"/>
        <color theme="1"/>
        <rFont val="Arial"/>
        <family val="2"/>
      </rPr>
      <t xml:space="preserve"> Structural impacts are calculated for each option; and the calculations are robust and consistent across options i.e. comparable level of detail.</t>
    </r>
  </si>
  <si>
    <r>
      <rPr>
        <b/>
        <sz val="9"/>
        <color theme="1"/>
        <rFont val="Arial"/>
        <family val="2"/>
      </rPr>
      <t xml:space="preserve">[Results, structural impact, transparency] </t>
    </r>
    <r>
      <rPr>
        <sz val="9"/>
        <color theme="1"/>
        <rFont val="Arial"/>
        <family val="2"/>
      </rPr>
      <t xml:space="preserve">Structural impacts calculated for each option include a breakdown into structural elements e.g. RICS Categories 1, 2.1-2.4. </t>
    </r>
  </si>
  <si>
    <r>
      <rPr>
        <b/>
        <sz val="9"/>
        <color theme="1"/>
        <rFont val="Arial"/>
        <family val="2"/>
      </rPr>
      <t>[Assumptions, CoL COG]</t>
    </r>
    <r>
      <rPr>
        <sz val="9"/>
        <color theme="1"/>
        <rFont val="Arial"/>
        <family val="2"/>
      </rPr>
      <t xml:space="preserve"> Suitable allowances are included where complexity has been identified, but not yet quantified (for example transfer structures or strengthening works to existing structure).</t>
    </r>
  </si>
  <si>
    <r>
      <rPr>
        <b/>
        <sz val="9"/>
        <color theme="1"/>
        <rFont val="Arial"/>
        <family val="2"/>
      </rPr>
      <t>[Operational energy, operational carbon, CoL COG section 5]</t>
    </r>
    <r>
      <rPr>
        <sz val="9"/>
        <color theme="1"/>
        <rFont val="Arial"/>
        <family val="2"/>
      </rPr>
      <t xml:space="preserve"> The potential for district heating at the site location has been considered, and the CoL COG on District Energy Networks is acknowledged and clearly addressed.</t>
    </r>
  </si>
  <si>
    <r>
      <rPr>
        <b/>
        <sz val="9"/>
        <color theme="1"/>
        <rFont val="Arial"/>
        <family val="2"/>
      </rPr>
      <t>[Carbon options study and pre-redevelopment audit, CoL COG section 8]</t>
    </r>
    <r>
      <rPr>
        <sz val="9"/>
        <color theme="1"/>
        <rFont val="Arial"/>
        <family val="2"/>
      </rPr>
      <t xml:space="preserve"> A pre-redevelopment audit {has/has not} informed the Optioneering Study. The applicant has clearly explained how their submission addresses the CoL COG section 8 guidance on the matter of the pre-redevelopment audit.
</t>
    </r>
    <r>
      <rPr>
        <i/>
        <sz val="9"/>
        <color theme="1"/>
        <rFont val="Arial"/>
        <family val="2"/>
      </rPr>
      <t>{Reviewer to provide further comment based on the project context}</t>
    </r>
  </si>
  <si>
    <r>
      <rPr>
        <b/>
        <sz val="9"/>
        <color theme="1"/>
        <rFont val="Arial"/>
        <family val="2"/>
      </rPr>
      <t>[Facade, CoL COG]</t>
    </r>
    <r>
      <rPr>
        <sz val="9"/>
        <color theme="1"/>
        <rFont val="Arial"/>
        <family val="2"/>
      </rPr>
      <t xml:space="preserve"> The façade carbon impact estimate is informed by a carbon intensity (kgCO2e per sq. metre facade area) for a facade typology/typologies, and the gross facade area defined by the massing.
</t>
    </r>
    <r>
      <rPr>
        <i/>
        <sz val="9"/>
        <color theme="1"/>
        <rFont val="Arial"/>
        <family val="2"/>
      </rPr>
      <t>{A generic rate per sq. metre GIA should be discouraged for early-stage placeholders, as this misses an opportunity to reflect early-stage massing and strategic facade typology decisions in the study}</t>
    </r>
  </si>
  <si>
    <r>
      <rPr>
        <b/>
        <sz val="9"/>
        <color theme="1"/>
        <rFont val="Arial"/>
        <family val="2"/>
      </rPr>
      <t>[Pre-application stage principles, CoL COG Appendix 1]</t>
    </r>
    <r>
      <rPr>
        <sz val="9"/>
        <color theme="1"/>
        <rFont val="Arial"/>
        <family val="2"/>
      </rPr>
      <t xml:space="preserve"> Examples of how the design of the development addresses each WLC principle or reasons why a principle cannot be met.</t>
    </r>
  </si>
  <si>
    <r>
      <rPr>
        <b/>
        <sz val="9"/>
        <color theme="1"/>
        <rFont val="Arial"/>
        <family val="2"/>
      </rPr>
      <t>[Pre-application stage principles, CoL COG Appendix 1]</t>
    </r>
    <r>
      <rPr>
        <sz val="9"/>
        <color theme="1"/>
        <rFont val="Arial"/>
        <family val="2"/>
      </rPr>
      <t xml:space="preserve"> Options for retaining existing buildings and structures have been fully explored before proposing substantial demolition, including incorporating the fabric of existing buildings into the new development (aligned with London Plan Guidance for Circular Economy Statements, March 2022; also covered by a GLA WLCA driven comment in this list).</t>
    </r>
  </si>
  <si>
    <r>
      <rPr>
        <b/>
        <sz val="9"/>
        <color theme="1"/>
        <rFont val="Arial"/>
        <family val="2"/>
      </rPr>
      <t>[Pre-application stage principles, CoL COG Appendix 1]</t>
    </r>
    <r>
      <rPr>
        <sz val="9"/>
        <color theme="1"/>
        <rFont val="Arial"/>
        <family val="2"/>
      </rPr>
      <t xml:space="preserve"> Carbon emissions associated with pre-construction demolition (currently reported separately) are clearly demonstrated. [Guidance, consistent with the GLA WLCA guidance, is included in the CoL COG Appendix 1]</t>
    </r>
  </si>
  <si>
    <r>
      <rPr>
        <b/>
        <sz val="9"/>
        <color theme="1"/>
        <rFont val="Arial"/>
        <family val="2"/>
      </rPr>
      <t>[Pre-application stage principles, CoL COG Appendix 1]</t>
    </r>
    <r>
      <rPr>
        <sz val="9"/>
        <color theme="1"/>
        <rFont val="Arial"/>
        <family val="2"/>
      </rPr>
      <t xml:space="preserve"> An estimate of the percentage of the new build development which will be made up of existing façades, structures and other key components is reported. [Guidance, consistent with the GLA WLCA guidance, is included in the CoL COG Appendix 1]</t>
    </r>
  </si>
  <si>
    <r>
      <rPr>
        <b/>
        <sz val="9"/>
        <color theme="1"/>
        <rFont val="Arial"/>
        <family val="2"/>
      </rPr>
      <t>[Pre-application stage principles, CoL COG Appendix 1]</t>
    </r>
    <r>
      <rPr>
        <sz val="9"/>
        <color theme="1"/>
        <rFont val="Arial"/>
        <family val="2"/>
      </rPr>
      <t xml:space="preserve"> An optional requirement to report on the effects of future grid decarbonisation on the development’s embodied carbon emissions.</t>
    </r>
  </si>
  <si>
    <r>
      <rPr>
        <b/>
        <sz val="9"/>
        <color theme="1"/>
        <rFont val="Arial"/>
        <family val="2"/>
      </rPr>
      <t>[Pre-application stage principles, CoL COG Appendix 1]</t>
    </r>
    <r>
      <rPr>
        <sz val="9"/>
        <color theme="1"/>
        <rFont val="Arial"/>
        <family val="2"/>
      </rPr>
      <t xml:space="preserve"> If substantial demolition is proposed, applicants will need to demonstrate that the benefits of demolition would clearly outweigh the benefits of retaining the existing building or parts of the structure</t>
    </r>
  </si>
  <si>
    <r>
      <rPr>
        <b/>
        <sz val="9"/>
        <color theme="1"/>
        <rFont val="Arial"/>
        <family val="2"/>
      </rPr>
      <t>[Refrigerant management, CoL COG Appendix 1]</t>
    </r>
    <r>
      <rPr>
        <sz val="9"/>
        <color theme="1"/>
        <rFont val="Arial"/>
        <family val="2"/>
      </rPr>
      <t xml:space="preserve"> The requirement for leak detection and containment of refrigerants as part of the commissioning process is acknowledged by the applicant; and the applicant's submission clearly sets out their commitment to this.</t>
    </r>
  </si>
  <si>
    <r>
      <rPr>
        <b/>
        <sz val="9"/>
        <color theme="1"/>
        <rFont val="Arial"/>
        <family val="2"/>
      </rPr>
      <t>[COG Assessment Guidance for Reviewers]</t>
    </r>
    <r>
      <rPr>
        <sz val="9"/>
        <color theme="1"/>
        <rFont val="Arial"/>
        <family val="2"/>
      </rPr>
      <t xml:space="preserve"> Information on the existing site – This should include a thorough assessment of the existing building on site, covering as a minimum the information listed in Chapter 6. Are the existing building conditions reflected in the choice and nature of options presented?
</t>
    </r>
    <r>
      <rPr>
        <i/>
        <sz val="9"/>
        <color theme="1"/>
        <rFont val="Arial"/>
        <family val="2"/>
      </rPr>
      <t>{Reviewers findings stated here, if Opening Status is not Status A}</t>
    </r>
  </si>
  <si>
    <r>
      <rPr>
        <b/>
        <sz val="9"/>
        <color theme="1"/>
        <rFont val="Arial"/>
        <family val="2"/>
      </rPr>
      <t xml:space="preserve">[COG Assessment Guidance for Reviewers, CoL COG section 6] </t>
    </r>
    <r>
      <rPr>
        <sz val="9"/>
        <color theme="1"/>
        <rFont val="Arial"/>
        <family val="2"/>
      </rPr>
      <t xml:space="preserve">The review should ensure that options are sensible and pragmatic. Does the choice of options reflect realistic and workable proposals for the maintenance, retrofit and development of the site and cover clearly discernible scenarios? Is the scope of the works fully set out for each option?
</t>
    </r>
    <r>
      <rPr>
        <i/>
        <sz val="9"/>
        <color theme="1"/>
        <rFont val="Arial"/>
        <family val="2"/>
      </rPr>
      <t>{Option-selecton guidance is set out in section 6 of the CoL COG, especially items 2. and 3. Reviewers findings stated here, if Opening Status is not Status A}</t>
    </r>
  </si>
  <si>
    <r>
      <rPr>
        <b/>
        <sz val="9"/>
        <color theme="1"/>
        <rFont val="Arial"/>
        <family val="2"/>
      </rPr>
      <t>[COG Assessment Guidance for Reviewers]</t>
    </r>
    <r>
      <rPr>
        <sz val="9"/>
        <color theme="1"/>
        <rFont val="Arial"/>
        <family val="2"/>
      </rPr>
      <t xml:space="preserve"> Has a baseline scenario been set in accordance with the recommendations provided in Chapter 6? This should reflect the lightest level of interventions to mitigate the critical issues affecting the existing site, prolonging the building's lifespan and making the asset usable/lettable for the foreseeable future, minimising demolition and upfront carbon impacts.
</t>
    </r>
    <r>
      <rPr>
        <i/>
        <sz val="9"/>
        <color theme="1"/>
        <rFont val="Arial"/>
        <family val="2"/>
      </rPr>
      <t>{Option-selecton guidance is set out in section 6 of the CoL COG, especially items 2. and 3. Reviewers findings stated here, if Opening Status is not Status A}</t>
    </r>
  </si>
  <si>
    <r>
      <rPr>
        <b/>
        <sz val="9"/>
        <color theme="1"/>
        <rFont val="Arial"/>
        <family val="2"/>
      </rPr>
      <t>[COG Assessment Guidance for Reviewers]</t>
    </r>
    <r>
      <rPr>
        <sz val="9"/>
        <color theme="1"/>
        <rFont val="Arial"/>
        <family val="2"/>
      </rPr>
      <t xml:space="preserve"> Where the Carbon Options Study includes options for extending the building floor area, has an option which demonstrates the maximum extension (floor area) achievable whilst minimising strengthening works to the existing structure been considered?
</t>
    </r>
    <r>
      <rPr>
        <i/>
        <sz val="9"/>
        <color theme="1"/>
        <rFont val="Arial"/>
        <family val="2"/>
      </rPr>
      <t>{Option-selecton guidance is set out in section 6 of the CoL COG, especially items 2. and 3. Reviewers findings stated here, if Opening Status is not Status A}</t>
    </r>
  </si>
  <si>
    <r>
      <rPr>
        <b/>
        <sz val="9"/>
        <color theme="1"/>
        <rFont val="Arial"/>
        <family val="2"/>
      </rPr>
      <t xml:space="preserve">[COG Assessment Guidance for Reviewers] </t>
    </r>
    <r>
      <rPr>
        <sz val="9"/>
        <color theme="1"/>
        <rFont val="Arial"/>
        <family val="2"/>
      </rPr>
      <t xml:space="preserve">Are the structural impacts calculated for each option robust, consistent and do they include a breakdown into relevant elements? As per the methodology recommended in Chapter 6, the embodied carbon of the structure should be calculated for each option using structural engineer estimations. 
</t>
    </r>
    <r>
      <rPr>
        <i/>
        <sz val="9"/>
        <color theme="1"/>
        <rFont val="Arial"/>
        <family val="2"/>
      </rPr>
      <t>{Reviewers findings stated here, if Opening Status is not Status A}</t>
    </r>
  </si>
  <si>
    <r>
      <rPr>
        <b/>
        <sz val="9"/>
        <color theme="1"/>
        <rFont val="Arial"/>
        <family val="2"/>
      </rPr>
      <t xml:space="preserve">[COG Assessment Guidance for Reviewers] </t>
    </r>
    <r>
      <rPr>
        <sz val="9"/>
        <color theme="1"/>
        <rFont val="Arial"/>
        <family val="2"/>
      </rPr>
      <t xml:space="preserve">Are other key design elements aligned between options, and if not, are differences declared and explained? Other elements or layers of the building can either be based on a detailed calculation, should the design information be available, or be based on an appropriate estimation and reasonably conservative benchmark. Are the adopted methodology and assumptions consistent across the various development options? Are the chosen methodologies and benchmarks clearly presented in the carbon optioneering report?
</t>
    </r>
    <r>
      <rPr>
        <i/>
        <sz val="9"/>
        <color theme="1"/>
        <rFont val="Arial"/>
        <family val="2"/>
      </rPr>
      <t>{Reviewers findings stated here, if Opening Status is not Status A}</t>
    </r>
  </si>
  <si>
    <r>
      <rPr>
        <b/>
        <sz val="9"/>
        <color theme="1"/>
        <rFont val="Arial"/>
        <family val="2"/>
      </rPr>
      <t>[Constraints, transparency]</t>
    </r>
    <r>
      <rPr>
        <sz val="9"/>
        <color theme="1"/>
        <rFont val="Arial"/>
        <family val="2"/>
      </rPr>
      <t xml:space="preserve"> The Applicant has communicated any external constraints or drivers (e.g. local policy) related to the land use and building type, densification, and commerciality, in the selection of options for the optioneering study.</t>
    </r>
  </si>
  <si>
    <r>
      <rPr>
        <b/>
        <sz val="9"/>
        <color theme="1"/>
        <rFont val="Arial"/>
        <family val="2"/>
      </rPr>
      <t xml:space="preserve">[B6, COG Assessment Guidance for Reviewers] </t>
    </r>
    <r>
      <rPr>
        <sz val="9"/>
        <color theme="1"/>
        <rFont val="Arial"/>
        <family val="2"/>
      </rPr>
      <t xml:space="preserve">
The reviewer has considered the following assessment guidance prompts, and the relevant guidance under CoL COG chapter 6: 
Are any differences in operational emissions (life-cycle stage B6) reasonable between options?
Has the energy consumption for the whole building been considered in the appraisal?
Are the Energy Use Intensities (kWh/m² NIA/year or kWh/m² GIA/year) assumed by the project team for the various options reasonably conservative and realistically achievable, or are they unrealistically low? 
And, if so, what is the justification? Is there a consistent approach across options? Are the energy sources and the related carbon factors (kgCO₂e/kWh) aligned across the options?
</t>
    </r>
    <r>
      <rPr>
        <i/>
        <sz val="9"/>
        <color theme="1"/>
        <rFont val="Arial"/>
        <family val="2"/>
      </rPr>
      <t>{Reviewers findings stated here, if Opening Status is not Status A}</t>
    </r>
  </si>
  <si>
    <r>
      <rPr>
        <b/>
        <sz val="9"/>
        <color theme="1"/>
        <rFont val="Arial"/>
        <family val="2"/>
      </rPr>
      <t>[COG Assessment Guidance for Reviewers, Refrigerant]</t>
    </r>
    <r>
      <rPr>
        <sz val="9"/>
        <color theme="1"/>
        <rFont val="Arial"/>
        <family val="2"/>
      </rPr>
      <t xml:space="preserve"> How has refrigerant impact been considered? Are the estimations and assumptions reasonable?
</t>
    </r>
    <r>
      <rPr>
        <i/>
        <sz val="9"/>
        <color theme="1"/>
        <rFont val="Arial"/>
        <family val="2"/>
      </rPr>
      <t>{Reviewers findings stated here, if Opening Status is not Status A}</t>
    </r>
  </si>
  <si>
    <r>
      <rPr>
        <b/>
        <sz val="9"/>
        <color theme="1"/>
        <rFont val="Arial"/>
        <family val="2"/>
      </rPr>
      <t>[COG Assessment Guidance for Reviewers]</t>
    </r>
    <r>
      <rPr>
        <sz val="9"/>
        <color theme="1"/>
        <rFont val="Arial"/>
        <family val="2"/>
      </rPr>
      <t xml:space="preserve"> Where applicable, is the carbon impact resulting from a change of use clearly presented (e.g., changing from offices to hotel, requiring works to risers, cores, building services etc.)?
</t>
    </r>
    <r>
      <rPr>
        <i/>
        <sz val="9"/>
        <color theme="1"/>
        <rFont val="Arial"/>
        <family val="2"/>
      </rPr>
      <t xml:space="preserve">
{Reviewers findings stated here, if Opening Status is not Status A}</t>
    </r>
  </si>
  <si>
    <r>
      <rPr>
        <b/>
        <sz val="9"/>
        <color theme="1"/>
        <rFont val="Arial"/>
        <family val="2"/>
      </rPr>
      <t>[COG Assessment Guidance for Reviewers]</t>
    </r>
    <r>
      <rPr>
        <sz val="9"/>
        <color theme="1"/>
        <rFont val="Arial"/>
        <family val="2"/>
      </rPr>
      <t xml:space="preserve"> Have demolition impacts been calculated in accordance with the recommendations provided in Chapter 6 (50 kgCO₂e/m² of demolished floor area), as per current GLA WLC guidance? Are demolition impacts separately reported?
</t>
    </r>
    <r>
      <rPr>
        <i/>
        <sz val="9"/>
        <color theme="1"/>
        <rFont val="Arial"/>
        <family val="2"/>
      </rPr>
      <t xml:space="preserve">
{Reviewers findings stated here, if Opening Status is not Status A}</t>
    </r>
  </si>
  <si>
    <r>
      <rPr>
        <b/>
        <sz val="9"/>
        <color theme="1"/>
        <rFont val="Arial"/>
        <family val="2"/>
      </rPr>
      <t xml:space="preserve">[COG Assessment Guidance for Reviewers] </t>
    </r>
    <r>
      <rPr>
        <sz val="9"/>
        <color theme="1"/>
        <rFont val="Arial"/>
        <family val="2"/>
      </rPr>
      <t xml:space="preserve">Are the options fully evaluated, including circular economy approaches, climate resilience measures and wider considerations, such as commerciality and risks? Are the constraints and the opportunities for each option clearly presented without bias and avoiding use of inconsistent assumptions that can favour or penalise one or some of the options presented?
</t>
    </r>
    <r>
      <rPr>
        <i/>
        <sz val="9"/>
        <color theme="1"/>
        <rFont val="Arial"/>
        <family val="2"/>
      </rPr>
      <t xml:space="preserve">
{Reviewers findings stated here, if Opening Status is not Status A}</t>
    </r>
  </si>
  <si>
    <r>
      <rPr>
        <b/>
        <sz val="9"/>
        <color theme="1"/>
        <rFont val="Arial"/>
        <family val="2"/>
      </rPr>
      <t>[COG Assessment Guidance for Reviewers]</t>
    </r>
    <r>
      <rPr>
        <sz val="9"/>
        <color theme="1"/>
        <rFont val="Arial"/>
        <family val="2"/>
      </rPr>
      <t xml:space="preserve"> Does the evaluation of the options focus on carbon impacts, sustainability, and quality issues separately? Does it include an overall summary that is clear and comprehensible?
</t>
    </r>
    <r>
      <rPr>
        <i/>
        <sz val="9"/>
        <color theme="1"/>
        <rFont val="Arial"/>
        <family val="2"/>
      </rPr>
      <t>{Reviewers findings stated here, if Opening Status is not Status A}</t>
    </r>
  </si>
  <si>
    <r>
      <rPr>
        <b/>
        <sz val="9"/>
        <color theme="1"/>
        <rFont val="Arial"/>
        <family val="2"/>
      </rPr>
      <t>[COG Assessment Guidance for Reviewers]</t>
    </r>
    <r>
      <rPr>
        <sz val="9"/>
        <color theme="1"/>
        <rFont val="Arial"/>
        <family val="2"/>
      </rPr>
      <t xml:space="preserve"> Is all the required and relevant data in the methodology presented clearly and correctly in Dashboard 1 of the Carbon Options Tool? Are all options based on the same level of detail and supported by the same level of design information?
</t>
    </r>
    <r>
      <rPr>
        <i/>
        <sz val="9"/>
        <color theme="1"/>
        <rFont val="Arial"/>
        <family val="2"/>
      </rPr>
      <t>{Reviewers findings stated here, if Opening Status is not Status A}</t>
    </r>
  </si>
  <si>
    <r>
      <rPr>
        <b/>
        <sz val="9"/>
        <color theme="1"/>
        <rFont val="Arial"/>
        <family val="2"/>
      </rPr>
      <t>[COG Assessment Guidance for Reviewers]</t>
    </r>
    <r>
      <rPr>
        <sz val="9"/>
        <color theme="1"/>
        <rFont val="Arial"/>
        <family val="2"/>
      </rPr>
      <t xml:space="preserve"> For multi-buildings sites, have specific EUIs, carbon impacts and retention rates for each building been separately provided within the summary report, as well as the overall figures within Dashboard 1 of the Carbon Options Tool?
</t>
    </r>
    <r>
      <rPr>
        <i/>
        <sz val="9"/>
        <color theme="1"/>
        <rFont val="Arial"/>
        <family val="2"/>
      </rPr>
      <t>{Reviewers findings stated here, if Opening Status is not Status A}</t>
    </r>
  </si>
  <si>
    <t xml:space="preserve">Click "+" ⤴️ to unfold comment detail (Column B) </t>
  </si>
  <si>
    <t>Click "+" ⤴️ to unfold supporting guidance to get started.</t>
  </si>
  <si>
    <t>Responder</t>
  </si>
  <si>
    <t>Response</t>
  </si>
  <si>
    <t>Date</t>
  </si>
  <si>
    <t>Status</t>
  </si>
  <si>
    <t>Status C:</t>
  </si>
  <si>
    <t>Status B:</t>
  </si>
  <si>
    <t>Risk/Opportunity</t>
  </si>
  <si>
    <t>Estimated Up-front (A1-A5) Impact
(+/-, kgCO2e)</t>
  </si>
  <si>
    <t>Estimated Whole-life (A-C) Impact
(+/-, kgCO2e)</t>
  </si>
  <si>
    <t>Lead Managing Party</t>
  </si>
  <si>
    <t>Critical Stage</t>
  </si>
  <si>
    <t>Related Review Comment</t>
  </si>
  <si>
    <t>DRIVER</t>
  </si>
  <si>
    <t>STATUS</t>
  </si>
  <si>
    <t>Status A</t>
  </si>
  <si>
    <t>Status B</t>
  </si>
  <si>
    <t>RICS 1st</t>
  </si>
  <si>
    <t>Status C</t>
  </si>
  <si>
    <t>RICS 2n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3">
    <numFmt numFmtId="164" formatCode="_-* #,##0.00_-;\-* #,##0.00_-;_-* &quot;-&quot;??_-;_-@_-"/>
    <numFmt numFmtId="165" formatCode="000"/>
    <numFmt numFmtId="166" formatCode="0_ ;\-0\ "/>
  </numFmts>
  <fonts count="22">
    <font>
      <sz val="11"/>
      <color theme="1"/>
      <name val="Arial"/>
      <family val="2"/>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sz val="10"/>
      <color theme="1"/>
      <name val="Arial"/>
      <family val="2"/>
    </font>
    <font>
      <sz val="9"/>
      <color theme="1"/>
      <name val="Arial"/>
      <family val="2"/>
    </font>
    <font>
      <b/>
      <sz val="10"/>
      <color theme="1"/>
      <name val="Arial"/>
      <family val="2"/>
    </font>
    <font>
      <sz val="11"/>
      <color theme="1"/>
      <name val="Arial"/>
      <family val="2"/>
    </font>
    <font>
      <b/>
      <sz val="11"/>
      <color rgb="FF000000"/>
      <name val="Calibri"/>
      <family val="2"/>
    </font>
    <font>
      <b/>
      <sz val="9"/>
      <color theme="1"/>
      <name val="Arial"/>
      <family val="2"/>
    </font>
    <font>
      <i/>
      <sz val="9"/>
      <color theme="1"/>
      <name val="Arial"/>
      <family val="2"/>
    </font>
    <font>
      <sz val="9"/>
      <color theme="9" tint="-0.249977111117893"/>
      <name val="Arial"/>
      <family val="2"/>
    </font>
    <font>
      <b/>
      <sz val="9"/>
      <color rgb="FF000000"/>
      <name val="Arial"/>
      <family val="2"/>
    </font>
    <font>
      <sz val="9"/>
      <color rgb="FF000000"/>
      <name val="Arial"/>
      <family val="2"/>
    </font>
    <font>
      <i/>
      <sz val="8"/>
      <color theme="1"/>
      <name val="Arial"/>
      <family val="2"/>
    </font>
    <font>
      <i/>
      <sz val="11"/>
      <color theme="1"/>
      <name val="Arial"/>
      <family val="2"/>
    </font>
    <font>
      <sz val="8"/>
      <color theme="1"/>
      <name val="Arial"/>
      <family val="2"/>
    </font>
    <font>
      <b/>
      <sz val="16"/>
      <color theme="1"/>
      <name val="Times New Roman"/>
      <family val="1"/>
    </font>
  </fonts>
  <fills count="5">
    <fill>
      <patternFill patternType="none"/>
    </fill>
    <fill>
      <patternFill patternType="gray125"/>
    </fill>
    <fill>
      <patternFill patternType="solid">
        <fgColor theme="0" tint="-0.34998626667073579"/>
        <bgColor indexed="64"/>
      </patternFill>
    </fill>
    <fill>
      <patternFill patternType="solid">
        <fgColor theme="0" tint="-0.249977111117893"/>
        <bgColor indexed="64"/>
      </patternFill>
    </fill>
    <fill>
      <patternFill patternType="solid">
        <fgColor theme="0" tint="-4.9989318521683403E-2"/>
        <bgColor indexed="64"/>
      </patternFill>
    </fill>
  </fills>
  <borders count="5">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s>
  <cellStyleXfs count="10">
    <xf numFmtId="0" fontId="0" fillId="0" borderId="0"/>
    <xf numFmtId="0" fontId="1" fillId="0" borderId="0"/>
    <xf numFmtId="0" fontId="2" fillId="0" borderId="0"/>
    <xf numFmtId="0" fontId="6" fillId="0" borderId="0" applyNumberFormat="0" applyFill="0" applyBorder="0" applyAlignment="0" applyProtection="0"/>
    <xf numFmtId="0" fontId="3" fillId="0" borderId="1" applyNumberFormat="0" applyFill="0" applyAlignment="0" applyProtection="0"/>
    <xf numFmtId="0" fontId="4" fillId="0" borderId="2" applyNumberFormat="0" applyFill="0" applyAlignment="0" applyProtection="0"/>
    <xf numFmtId="0" fontId="5" fillId="0" borderId="3" applyNumberFormat="0" applyFill="0" applyAlignment="0" applyProtection="0"/>
    <xf numFmtId="0" fontId="5" fillId="0" borderId="0" applyNumberFormat="0" applyFill="0" applyBorder="0" applyAlignment="0" applyProtection="0"/>
    <xf numFmtId="0" fontId="7" fillId="0" borderId="4" applyNumberFormat="0" applyFill="0" applyAlignment="0" applyProtection="0"/>
    <xf numFmtId="164" fontId="11" fillId="0" borderId="0" applyFont="0" applyFill="0" applyBorder="0" applyAlignment="0" applyProtection="0"/>
  </cellStyleXfs>
  <cellXfs count="33">
    <xf numFmtId="0" fontId="0" fillId="0" borderId="0" xfId="0"/>
    <xf numFmtId="0" fontId="0" fillId="0" borderId="0" xfId="0" applyAlignment="1">
      <alignment wrapText="1"/>
    </xf>
    <xf numFmtId="0" fontId="8" fillId="0" borderId="0" xfId="0" applyFont="1" applyAlignment="1" applyProtection="1">
      <alignment vertical="top"/>
      <protection locked="0"/>
    </xf>
    <xf numFmtId="0" fontId="0" fillId="0" borderId="0" xfId="0" applyProtection="1">
      <protection locked="0"/>
    </xf>
    <xf numFmtId="15" fontId="8" fillId="0" borderId="0" xfId="0" applyNumberFormat="1" applyFont="1" applyAlignment="1" applyProtection="1">
      <alignment vertical="top"/>
      <protection locked="0"/>
    </xf>
    <xf numFmtId="0" fontId="8" fillId="0" borderId="0" xfId="0" applyFont="1" applyProtection="1">
      <protection locked="0"/>
    </xf>
    <xf numFmtId="15" fontId="8" fillId="0" borderId="0" xfId="0" applyNumberFormat="1" applyFont="1" applyProtection="1">
      <protection locked="0"/>
    </xf>
    <xf numFmtId="15" fontId="8" fillId="2" borderId="0" xfId="0" applyNumberFormat="1" applyFont="1" applyFill="1" applyAlignment="1">
      <alignment vertical="top"/>
    </xf>
    <xf numFmtId="0" fontId="9" fillId="0" borderId="0" xfId="0" applyFont="1" applyAlignment="1" applyProtection="1">
      <alignment vertical="top" wrapText="1"/>
      <protection locked="0"/>
    </xf>
    <xf numFmtId="0" fontId="8" fillId="0" borderId="0" xfId="0" applyFont="1" applyAlignment="1" applyProtection="1">
      <alignment wrapText="1"/>
      <protection locked="0"/>
    </xf>
    <xf numFmtId="3" fontId="8" fillId="0" borderId="0" xfId="0" applyNumberFormat="1" applyFont="1" applyAlignment="1" applyProtection="1">
      <alignment wrapText="1"/>
      <protection locked="0"/>
    </xf>
    <xf numFmtId="3" fontId="8" fillId="0" borderId="0" xfId="0" applyNumberFormat="1" applyFont="1" applyProtection="1">
      <protection locked="0"/>
    </xf>
    <xf numFmtId="165" fontId="8" fillId="0" borderId="0" xfId="0" applyNumberFormat="1" applyFont="1" applyProtection="1">
      <protection locked="0"/>
    </xf>
    <xf numFmtId="166" fontId="10" fillId="0" borderId="0" xfId="9" applyNumberFormat="1" applyFont="1" applyProtection="1">
      <protection locked="0"/>
    </xf>
    <xf numFmtId="0" fontId="8" fillId="2" borderId="0" xfId="0" applyFont="1" applyFill="1" applyAlignment="1">
      <alignment vertical="top"/>
    </xf>
    <xf numFmtId="0" fontId="12" fillId="0" borderId="0" xfId="0" applyFont="1"/>
    <xf numFmtId="0" fontId="0" fillId="0" borderId="0" xfId="0" applyAlignment="1" applyProtection="1">
      <alignment wrapText="1"/>
      <protection locked="0"/>
    </xf>
    <xf numFmtId="0" fontId="7" fillId="0" borderId="0" xfId="0" applyFont="1"/>
    <xf numFmtId="0" fontId="15" fillId="0" borderId="0" xfId="0" applyFont="1" applyAlignment="1">
      <alignment vertical="center"/>
    </xf>
    <xf numFmtId="0" fontId="17" fillId="0" borderId="0" xfId="0" applyFont="1" applyAlignment="1" applyProtection="1">
      <alignment vertical="top" wrapText="1"/>
      <protection locked="0"/>
    </xf>
    <xf numFmtId="0" fontId="18" fillId="0" borderId="0" xfId="0" applyFont="1" applyAlignment="1" applyProtection="1">
      <alignment wrapText="1"/>
      <protection locked="0"/>
    </xf>
    <xf numFmtId="0" fontId="19" fillId="0" borderId="0" xfId="0" applyFont="1" applyAlignment="1">
      <alignment wrapText="1"/>
    </xf>
    <xf numFmtId="0" fontId="9" fillId="2" borderId="0" xfId="0" applyFont="1" applyFill="1" applyAlignment="1">
      <alignment wrapText="1"/>
    </xf>
    <xf numFmtId="0" fontId="21" fillId="0" borderId="0" xfId="0" applyFont="1" applyAlignment="1">
      <alignment vertical="center"/>
    </xf>
    <xf numFmtId="0" fontId="8" fillId="0" borderId="0" xfId="0" applyFont="1"/>
    <xf numFmtId="0" fontId="0" fillId="3" borderId="0" xfId="0" applyFill="1"/>
    <xf numFmtId="166" fontId="10" fillId="3" borderId="0" xfId="9" applyNumberFormat="1" applyFont="1" applyFill="1" applyAlignment="1">
      <alignment vertical="top"/>
    </xf>
    <xf numFmtId="166" fontId="10" fillId="3" borderId="0" xfId="9" applyNumberFormat="1" applyFont="1" applyFill="1" applyAlignment="1" applyProtection="1">
      <alignment vertical="top"/>
    </xf>
    <xf numFmtId="0" fontId="8" fillId="3" borderId="0" xfId="0" applyFont="1" applyFill="1" applyAlignment="1">
      <alignment vertical="top"/>
    </xf>
    <xf numFmtId="0" fontId="0" fillId="4" borderId="0" xfId="0" applyFill="1" applyAlignment="1">
      <alignment vertical="top"/>
    </xf>
    <xf numFmtId="0" fontId="19" fillId="4" borderId="0" xfId="0" applyFont="1" applyFill="1" applyAlignment="1">
      <alignment wrapText="1"/>
    </xf>
    <xf numFmtId="0" fontId="0" fillId="4" borderId="0" xfId="0" applyFill="1"/>
    <xf numFmtId="0" fontId="18" fillId="4" borderId="0" xfId="0" applyFont="1" applyFill="1" applyAlignment="1">
      <alignment wrapText="1"/>
    </xf>
  </cellXfs>
  <cellStyles count="10">
    <cellStyle name="Comma" xfId="9" builtinId="3"/>
    <cellStyle name="Heading 1" xfId="4" builtinId="16" customBuiltin="1"/>
    <cellStyle name="Heading 2" xfId="5" builtinId="17" customBuiltin="1"/>
    <cellStyle name="Heading 3" xfId="6" builtinId="18" customBuiltin="1"/>
    <cellStyle name="Heading 4" xfId="7" builtinId="19" customBuiltin="1"/>
    <cellStyle name="Normal" xfId="0" builtinId="0" customBuiltin="1"/>
    <cellStyle name="Normal 2" xfId="1" xr:uid="{3BC9F2CF-8901-4C70-95BB-124ECC97EC00}"/>
    <cellStyle name="Normal 2 2" xfId="2" xr:uid="{56E6692E-1E4C-4661-A89E-345772A97718}"/>
    <cellStyle name="Title" xfId="3" builtinId="15" customBuiltin="1"/>
    <cellStyle name="Total" xfId="8" builtinId="25" customBuiltin="1"/>
  </cellStyles>
  <dxfs count="38">
    <dxf>
      <protection locked="1" hidden="0"/>
    </dxf>
    <dxf>
      <protection locked="1" hidden="0"/>
    </dxf>
    <dxf>
      <protection locked="1" hidden="0"/>
    </dxf>
    <dxf>
      <font>
        <strike val="0"/>
        <outline val="0"/>
        <shadow val="0"/>
        <u val="none"/>
        <vertAlign val="baseline"/>
        <sz val="10"/>
        <color theme="1"/>
        <name val="Arial"/>
        <family val="2"/>
        <scheme val="none"/>
      </font>
      <numFmt numFmtId="165" formatCode="000"/>
      <protection locked="0" hidden="0"/>
    </dxf>
    <dxf>
      <font>
        <strike val="0"/>
        <outline val="0"/>
        <shadow val="0"/>
        <u val="none"/>
        <vertAlign val="baseline"/>
        <sz val="10"/>
        <color theme="1"/>
        <name val="Arial"/>
        <family val="2"/>
        <scheme val="none"/>
      </font>
      <protection locked="0" hidden="0"/>
    </dxf>
    <dxf>
      <font>
        <strike val="0"/>
        <outline val="0"/>
        <shadow val="0"/>
        <u val="none"/>
        <vertAlign val="baseline"/>
        <sz val="10"/>
        <color theme="1"/>
        <name val="Arial"/>
        <family val="2"/>
        <scheme val="none"/>
      </font>
      <protection locked="0" hidden="0"/>
    </dxf>
    <dxf>
      <font>
        <strike val="0"/>
        <outline val="0"/>
        <shadow val="0"/>
        <u val="none"/>
        <vertAlign val="baseline"/>
        <sz val="10"/>
        <color theme="1"/>
        <name val="Arial"/>
        <family val="2"/>
        <scheme val="none"/>
      </font>
      <numFmt numFmtId="3" formatCode="#,##0"/>
      <protection locked="0" hidden="0"/>
    </dxf>
    <dxf>
      <font>
        <b val="0"/>
        <i val="0"/>
        <strike val="0"/>
        <condense val="0"/>
        <extend val="0"/>
        <outline val="0"/>
        <shadow val="0"/>
        <u val="none"/>
        <vertAlign val="baseline"/>
        <sz val="10"/>
        <color theme="1"/>
        <name val="Arial"/>
        <family val="2"/>
        <scheme val="none"/>
      </font>
      <numFmt numFmtId="3" formatCode="#,##0"/>
      <alignment horizontal="general" vertical="bottom" textRotation="0" wrapText="1" indent="0" justifyLastLine="0" shrinkToFit="0" readingOrder="0"/>
      <protection locked="0" hidden="0"/>
    </dxf>
    <dxf>
      <font>
        <strike val="0"/>
        <outline val="0"/>
        <shadow val="0"/>
        <u val="none"/>
        <vertAlign val="baseline"/>
        <sz val="10"/>
        <color theme="1"/>
        <name val="Arial"/>
        <family val="2"/>
        <scheme val="none"/>
      </font>
      <alignment horizontal="general" vertical="bottom" textRotation="0" wrapText="1" indent="0" justifyLastLine="0" shrinkToFit="0" readingOrder="0"/>
      <protection locked="0" hidden="0"/>
    </dxf>
    <dxf>
      <font>
        <strike val="0"/>
        <outline val="0"/>
        <shadow val="0"/>
        <u val="none"/>
        <vertAlign val="baseline"/>
        <sz val="10"/>
        <color theme="1"/>
        <name val="Arial"/>
        <family val="2"/>
        <scheme val="none"/>
      </font>
      <protection locked="0" hidden="0"/>
    </dxf>
    <dxf>
      <font>
        <strike val="0"/>
        <outline val="0"/>
        <shadow val="0"/>
        <u val="none"/>
        <vertAlign val="baseline"/>
        <sz val="10"/>
        <color theme="1"/>
        <name val="Arial"/>
        <family val="2"/>
        <scheme val="none"/>
      </font>
      <numFmt numFmtId="0" formatCode="General"/>
      <protection locked="0" hidden="0"/>
    </dxf>
    <dxf>
      <font>
        <strike val="0"/>
        <outline val="0"/>
        <shadow val="0"/>
        <u val="none"/>
        <vertAlign val="baseline"/>
        <sz val="10"/>
        <color theme="1"/>
        <name val="Arial"/>
        <family val="2"/>
        <scheme val="none"/>
      </font>
      <numFmt numFmtId="167" formatCode="dd\-mmm\-yy"/>
      <protection locked="0" hidden="0"/>
    </dxf>
    <dxf>
      <font>
        <strike val="0"/>
        <outline val="0"/>
        <shadow val="0"/>
        <u val="none"/>
        <vertAlign val="baseline"/>
        <sz val="10"/>
        <color theme="1"/>
        <name val="Arial"/>
        <family val="2"/>
        <scheme val="none"/>
      </font>
      <protection locked="0" hidden="0"/>
    </dxf>
    <dxf>
      <font>
        <strike val="0"/>
        <outline val="0"/>
        <shadow val="0"/>
        <u val="none"/>
        <vertAlign val="baseline"/>
        <sz val="10"/>
        <color theme="1"/>
        <name val="Arial"/>
        <family val="2"/>
        <scheme val="none"/>
      </font>
      <alignment horizontal="general" vertical="bottom" textRotation="0" wrapText="1" indent="0" justifyLastLine="0" shrinkToFit="0" readingOrder="0"/>
      <protection locked="0" hidden="0"/>
    </dxf>
    <dxf>
      <font>
        <b val="0"/>
        <i val="0"/>
        <strike val="0"/>
        <condense val="0"/>
        <extend val="0"/>
        <outline val="0"/>
        <shadow val="0"/>
        <u val="none"/>
        <vertAlign val="baseline"/>
        <sz val="9"/>
        <color theme="1"/>
        <name val="Arial"/>
        <family val="2"/>
        <scheme val="none"/>
      </font>
      <numFmt numFmtId="0" formatCode="General"/>
      <fill>
        <patternFill patternType="solid">
          <fgColor indexed="64"/>
          <bgColor theme="0" tint="-0.34998626667073579"/>
        </patternFill>
      </fill>
      <alignment horizontal="general" vertical="bottom" textRotation="0" wrapText="1" indent="0" justifyLastLine="0" shrinkToFit="0" readingOrder="0"/>
      <protection locked="1" hidden="0"/>
    </dxf>
    <dxf>
      <font>
        <b/>
        <strike val="0"/>
        <outline val="0"/>
        <shadow val="0"/>
        <u val="none"/>
        <vertAlign val="baseline"/>
        <sz val="10"/>
        <color theme="1"/>
        <name val="Arial"/>
        <family val="2"/>
        <scheme val="none"/>
      </font>
      <numFmt numFmtId="166" formatCode="0_ ;\-0\ "/>
      <protection locked="0" hidden="0"/>
    </dxf>
    <dxf>
      <font>
        <strike val="0"/>
        <outline val="0"/>
        <shadow val="0"/>
        <u val="none"/>
        <vertAlign val="baseline"/>
        <sz val="10"/>
        <color theme="1"/>
        <name val="Arial"/>
        <family val="2"/>
        <scheme val="none"/>
      </font>
      <protection locked="0" hidden="0"/>
    </dxf>
    <dxf>
      <protection locked="0" hidden="0"/>
    </dxf>
    <dxf>
      <fill>
        <patternFill>
          <bgColor rgb="FF92D050"/>
        </patternFill>
      </fill>
    </dxf>
    <dxf>
      <fill>
        <patternFill>
          <bgColor rgb="FFFFFF00"/>
        </patternFill>
      </fill>
    </dxf>
    <dxf>
      <font>
        <color theme="2"/>
      </font>
      <fill>
        <patternFill>
          <bgColor rgb="FFFFC000"/>
        </patternFill>
      </fill>
    </dxf>
    <dxf>
      <font>
        <color theme="2"/>
      </font>
      <fill>
        <patternFill>
          <bgColor theme="1"/>
        </patternFill>
      </fill>
    </dxf>
    <dxf>
      <fill>
        <patternFill>
          <bgColor theme="0" tint="-0.34998626667073579"/>
        </patternFill>
      </fill>
    </dxf>
    <dxf>
      <font>
        <strike val="0"/>
        <outline val="0"/>
        <shadow val="0"/>
        <u val="none"/>
        <vertAlign val="baseline"/>
        <sz val="10"/>
        <color theme="1"/>
        <name val="Arial"/>
        <family val="2"/>
        <scheme val="none"/>
      </font>
      <numFmt numFmtId="167" formatCode="dd\-mmm\-yy"/>
      <fill>
        <patternFill patternType="solid">
          <fgColor indexed="64"/>
          <bgColor theme="0" tint="-0.34998626667073579"/>
        </patternFill>
      </fill>
      <alignment horizontal="general" vertical="top" textRotation="0" indent="0" justifyLastLine="0" shrinkToFit="0" readingOrder="0"/>
      <protection locked="1" hidden="0"/>
    </dxf>
    <dxf>
      <font>
        <strike val="0"/>
        <outline val="0"/>
        <shadow val="0"/>
        <u val="none"/>
        <vertAlign val="baseline"/>
        <sz val="10"/>
        <color theme="1"/>
        <name val="Arial"/>
        <family val="2"/>
        <scheme val="none"/>
      </font>
      <numFmt numFmtId="0" formatCode="General"/>
      <fill>
        <patternFill patternType="solid">
          <fgColor indexed="64"/>
          <bgColor theme="0" tint="-0.34998626667073579"/>
        </patternFill>
      </fill>
      <alignment horizontal="general" vertical="top" textRotation="0" wrapText="0" indent="0" justifyLastLine="0" shrinkToFit="0" readingOrder="0"/>
      <protection locked="1" hidden="0"/>
    </dxf>
    <dxf>
      <font>
        <b val="0"/>
        <i val="0"/>
        <strike val="0"/>
        <condense val="0"/>
        <extend val="0"/>
        <outline val="0"/>
        <shadow val="0"/>
        <u val="none"/>
        <vertAlign val="baseline"/>
        <sz val="10"/>
        <color theme="1"/>
        <name val="Arial"/>
        <family val="2"/>
        <scheme val="none"/>
      </font>
      <numFmt numFmtId="167" formatCode="dd\-mmm\-yy"/>
      <alignment horizontal="general" vertical="top" textRotation="0" wrapText="0" indent="0" justifyLastLine="0" shrinkToFit="0" readingOrder="0"/>
      <protection locked="0" hidden="0"/>
    </dxf>
    <dxf>
      <font>
        <strike val="0"/>
        <outline val="0"/>
        <shadow val="0"/>
        <u val="none"/>
        <vertAlign val="baseline"/>
        <sz val="10"/>
        <color theme="1"/>
        <name val="Arial"/>
        <family val="2"/>
        <scheme val="none"/>
      </font>
      <alignment horizontal="general" vertical="top" textRotation="0" indent="0" justifyLastLine="0" shrinkToFit="0" readingOrder="0"/>
      <protection locked="0" hidden="0"/>
    </dxf>
    <dxf>
      <font>
        <b val="0"/>
        <i val="0"/>
        <strike val="0"/>
        <condense val="0"/>
        <extend val="0"/>
        <outline val="0"/>
        <shadow val="0"/>
        <u val="none"/>
        <vertAlign val="baseline"/>
        <sz val="9"/>
        <color theme="1"/>
        <name val="Arial"/>
        <family val="2"/>
        <scheme val="none"/>
      </font>
      <alignment horizontal="general" vertical="top" textRotation="0" wrapText="1" indent="0" justifyLastLine="0" shrinkToFit="0" readingOrder="0"/>
      <protection locked="0" hidden="0"/>
    </dxf>
    <dxf>
      <font>
        <strike val="0"/>
        <outline val="0"/>
        <shadow val="0"/>
        <u val="none"/>
        <vertAlign val="baseline"/>
        <sz val="9"/>
        <color theme="1"/>
        <name val="Arial"/>
        <family val="2"/>
        <scheme val="none"/>
      </font>
      <alignment horizontal="general" vertical="top" textRotation="0" wrapText="1" indent="0" justifyLastLine="0" shrinkToFit="0" readingOrder="0"/>
      <protection locked="0" hidden="0"/>
    </dxf>
    <dxf>
      <font>
        <b/>
        <strike val="0"/>
        <outline val="0"/>
        <shadow val="0"/>
        <u val="none"/>
        <vertAlign val="baseline"/>
        <sz val="10"/>
        <color theme="1"/>
        <name val="Arial"/>
        <family val="2"/>
        <scheme val="none"/>
      </font>
      <numFmt numFmtId="166" formatCode="0_ ;\-0\ "/>
      <fill>
        <patternFill patternType="solid">
          <fgColor indexed="64"/>
          <bgColor theme="0" tint="-0.249977111117893"/>
        </patternFill>
      </fill>
      <alignment horizontal="general" vertical="top" textRotation="0" indent="0" justifyLastLine="0" shrinkToFit="0" readingOrder="0"/>
      <protection locked="1" hidden="0"/>
    </dxf>
    <dxf>
      <font>
        <strike val="0"/>
        <outline val="0"/>
        <shadow val="0"/>
        <u val="none"/>
        <vertAlign val="baseline"/>
        <sz val="10"/>
        <color theme="1"/>
        <name val="Arial"/>
        <family val="2"/>
        <scheme val="none"/>
      </font>
      <alignment horizontal="general" vertical="top" textRotation="0" indent="0" justifyLastLine="0" shrinkToFit="0" readingOrder="0"/>
    </dxf>
    <dxf>
      <font>
        <strike val="0"/>
        <outline val="0"/>
        <shadow val="0"/>
        <u val="none"/>
        <vertAlign val="baseline"/>
        <sz val="10"/>
        <color theme="1"/>
        <name val="Arial"/>
        <family val="2"/>
        <scheme val="none"/>
      </font>
    </dxf>
    <dxf>
      <fill>
        <patternFill>
          <bgColor rgb="FF92D050"/>
        </patternFill>
      </fill>
    </dxf>
    <dxf>
      <fill>
        <patternFill>
          <bgColor rgb="FFFFFF00"/>
        </patternFill>
      </fill>
    </dxf>
    <dxf>
      <font>
        <color theme="2"/>
      </font>
      <fill>
        <patternFill>
          <bgColor rgb="FFFFC000"/>
        </patternFill>
      </fill>
    </dxf>
    <dxf>
      <font>
        <color theme="2"/>
      </font>
      <fill>
        <patternFill>
          <bgColor theme="1"/>
        </patternFill>
      </fill>
    </dxf>
    <dxf>
      <protection locked="0" hidden="0"/>
    </dxf>
    <dxf>
      <fill>
        <patternFill patternType="solid">
          <fgColor indexed="64"/>
          <bgColor theme="0" tint="-4.9989318521683403E-2"/>
        </patternFill>
      </fill>
      <alignment horizontal="general" vertical="top" textRotation="0" wrapText="0" indent="0" justifyLastLine="0" shrinkToFit="0" readingOrder="0"/>
    </dxf>
  </dxfs>
  <tableStyles count="0" defaultTableStyle="TableStyleMedium2" defaultPivotStyle="PivotStyleLight16"/>
  <colors>
    <mruColors>
      <color rgb="FF4B4B4B"/>
      <color rgb="FF505050"/>
      <color rgb="FF747474"/>
      <color rgb="FFA6A6A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3" Type="http://schemas.openxmlformats.org/officeDocument/2006/relationships/calcChain" Target="calcChain.xml"/><Relationship Id="rId18" Type="http://schemas.openxmlformats.org/officeDocument/2006/relationships/customXml" Target="../customXml/item5.xml"/><Relationship Id="rId26" Type="http://schemas.openxmlformats.org/officeDocument/2006/relationships/customXml" Target="../customXml/item13.xml"/><Relationship Id="rId3" Type="http://schemas.openxmlformats.org/officeDocument/2006/relationships/worksheet" Target="worksheets/sheet3.xml"/><Relationship Id="rId21" Type="http://schemas.openxmlformats.org/officeDocument/2006/relationships/customXml" Target="../customXml/item8.xml"/><Relationship Id="rId34" Type="http://schemas.openxmlformats.org/officeDocument/2006/relationships/customXml" Target="../customXml/item21.xml"/><Relationship Id="rId7" Type="http://schemas.openxmlformats.org/officeDocument/2006/relationships/theme" Target="theme/theme1.xml"/><Relationship Id="rId12" Type="http://schemas.openxmlformats.org/officeDocument/2006/relationships/powerPivotData" Target="model/item.data"/><Relationship Id="rId17" Type="http://schemas.openxmlformats.org/officeDocument/2006/relationships/customXml" Target="../customXml/item4.xml"/><Relationship Id="rId25" Type="http://schemas.openxmlformats.org/officeDocument/2006/relationships/customXml" Target="../customXml/item12.xml"/><Relationship Id="rId33" Type="http://schemas.openxmlformats.org/officeDocument/2006/relationships/customXml" Target="../customXml/item20.xml"/><Relationship Id="rId2" Type="http://schemas.openxmlformats.org/officeDocument/2006/relationships/worksheet" Target="worksheets/sheet2.xml"/><Relationship Id="rId16" Type="http://schemas.openxmlformats.org/officeDocument/2006/relationships/customXml" Target="../customXml/item3.xml"/><Relationship Id="rId20" Type="http://schemas.openxmlformats.org/officeDocument/2006/relationships/customXml" Target="../customXml/item7.xml"/><Relationship Id="rId29" Type="http://schemas.openxmlformats.org/officeDocument/2006/relationships/customXml" Target="../customXml/item16.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eetMetadata" Target="metadata.xml"/><Relationship Id="rId24" Type="http://schemas.openxmlformats.org/officeDocument/2006/relationships/customXml" Target="../customXml/item11.xml"/><Relationship Id="rId32" Type="http://schemas.openxmlformats.org/officeDocument/2006/relationships/customXml" Target="../customXml/item19.xml"/><Relationship Id="rId5" Type="http://schemas.openxmlformats.org/officeDocument/2006/relationships/worksheet" Target="worksheets/sheet5.xml"/><Relationship Id="rId15" Type="http://schemas.openxmlformats.org/officeDocument/2006/relationships/customXml" Target="../customXml/item2.xml"/><Relationship Id="rId23" Type="http://schemas.openxmlformats.org/officeDocument/2006/relationships/customXml" Target="../customXml/item10.xml"/><Relationship Id="rId28" Type="http://schemas.openxmlformats.org/officeDocument/2006/relationships/customXml" Target="../customXml/item15.xml"/><Relationship Id="rId36" Type="http://schemas.openxmlformats.org/officeDocument/2006/relationships/customXml" Target="../customXml/item23.xml"/><Relationship Id="rId10" Type="http://schemas.openxmlformats.org/officeDocument/2006/relationships/sharedStrings" Target="sharedStrings.xml"/><Relationship Id="rId19" Type="http://schemas.openxmlformats.org/officeDocument/2006/relationships/customXml" Target="../customXml/item6.xml"/><Relationship Id="rId31" Type="http://schemas.openxmlformats.org/officeDocument/2006/relationships/customXml" Target="../customXml/item18.xml"/><Relationship Id="rId4" Type="http://schemas.openxmlformats.org/officeDocument/2006/relationships/worksheet" Target="worksheets/sheet4.xml"/><Relationship Id="rId9" Type="http://schemas.openxmlformats.org/officeDocument/2006/relationships/styles" Target="styles.xml"/><Relationship Id="rId14" Type="http://schemas.openxmlformats.org/officeDocument/2006/relationships/customXml" Target="../customXml/item1.xml"/><Relationship Id="rId22" Type="http://schemas.openxmlformats.org/officeDocument/2006/relationships/customXml" Target="../customXml/item9.xml"/><Relationship Id="rId27" Type="http://schemas.openxmlformats.org/officeDocument/2006/relationships/customXml" Target="../customXml/item14.xml"/><Relationship Id="rId30" Type="http://schemas.openxmlformats.org/officeDocument/2006/relationships/customXml" Target="../customXml/item17.xml"/><Relationship Id="rId35" Type="http://schemas.openxmlformats.org/officeDocument/2006/relationships/customXml" Target="../customXml/item22.xml"/><Relationship Id="rId8" Type="http://schemas.openxmlformats.org/officeDocument/2006/relationships/connections" Target="connections.xml"/></Relationships>
</file>

<file path=xl/drawings/_rels/vmlDrawing1.v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xdr:from>
      <xdr:col>0</xdr:col>
      <xdr:colOff>47625</xdr:colOff>
      <xdr:row>2</xdr:row>
      <xdr:rowOff>8966</xdr:rowOff>
    </xdr:from>
    <xdr:to>
      <xdr:col>7</xdr:col>
      <xdr:colOff>676275</xdr:colOff>
      <xdr:row>17</xdr:row>
      <xdr:rowOff>47625</xdr:rowOff>
    </xdr:to>
    <xdr:sp macro="" textlink="">
      <xdr:nvSpPr>
        <xdr:cNvPr id="3" name="TextBox 2">
          <a:extLst>
            <a:ext uri="{FF2B5EF4-FFF2-40B4-BE49-F238E27FC236}">
              <a16:creationId xmlns:a16="http://schemas.microsoft.com/office/drawing/2014/main" id="{06530B4E-10F2-74A6-EF79-D510D2499895}"/>
            </a:ext>
          </a:extLst>
        </xdr:cNvPr>
        <xdr:cNvSpPr txBox="1"/>
      </xdr:nvSpPr>
      <xdr:spPr>
        <a:xfrm>
          <a:off x="47625" y="189941"/>
          <a:ext cx="5429250" cy="2753284"/>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100" b="1" u="sng"/>
            <a:t>COLOUR CODING:</a:t>
          </a:r>
        </a:p>
        <a:p>
          <a:r>
            <a:rPr lang="en-GB" sz="1100" b="1">
              <a:solidFill>
                <a:srgbClr val="4B4B4B"/>
              </a:solidFill>
            </a:rPr>
            <a:t>Cells coloured grey</a:t>
          </a:r>
          <a:r>
            <a:rPr lang="en-GB" sz="1100">
              <a:solidFill>
                <a:srgbClr val="4B4B4B"/>
              </a:solidFill>
            </a:rPr>
            <a:t> </a:t>
          </a:r>
          <a:r>
            <a:rPr lang="en-GB" sz="1100"/>
            <a:t>are auto-populated and do</a:t>
          </a:r>
          <a:r>
            <a:rPr lang="en-GB" sz="1100" baseline="0"/>
            <a:t> not need to be edited</a:t>
          </a:r>
          <a:r>
            <a:rPr lang="en-GB" sz="1100"/>
            <a:t>.</a:t>
          </a:r>
        </a:p>
        <a:p>
          <a:r>
            <a:rPr lang="en-GB" sz="1100"/>
            <a:t>Only white cells</a:t>
          </a:r>
          <a:r>
            <a:rPr lang="en-GB" sz="1100" baseline="0"/>
            <a:t> need user input.</a:t>
          </a:r>
        </a:p>
        <a:p>
          <a:endParaRPr lang="en-GB" sz="1100" baseline="0"/>
        </a:p>
        <a:p>
          <a:r>
            <a:rPr lang="en-GB" sz="1100" b="1" baseline="0">
              <a:solidFill>
                <a:schemeClr val="accent6">
                  <a:lumMod val="75000"/>
                </a:schemeClr>
              </a:solidFill>
              <a:effectLst/>
              <a:latin typeface="+mn-lt"/>
              <a:ea typeface="+mn-ea"/>
              <a:cs typeface="+mn-cs"/>
            </a:rPr>
            <a:t>Initiating Comment List </a:t>
          </a:r>
          <a:r>
            <a:rPr lang="en-GB" sz="1100" b="0" baseline="0">
              <a:solidFill>
                <a:schemeClr val="dk1"/>
              </a:solidFill>
              <a:effectLst/>
              <a:latin typeface="+mn-lt"/>
              <a:ea typeface="+mn-ea"/>
              <a:cs typeface="+mn-cs"/>
            </a:rPr>
            <a:t>sheet: Only the third-party review has input on this sheet. The LCA Assessor only reviews the comments on this sheet.</a:t>
          </a:r>
        </a:p>
        <a:p>
          <a:endParaRPr lang="en-GB" sz="1100" b="1" baseline="0">
            <a:solidFill>
              <a:schemeClr val="dk1"/>
            </a:solidFill>
            <a:effectLst/>
            <a:latin typeface="+mn-lt"/>
            <a:ea typeface="+mn-ea"/>
            <a:cs typeface="+mn-cs"/>
          </a:endParaRPr>
        </a:p>
        <a:p>
          <a:r>
            <a:rPr lang="en-GB" sz="1100" b="1" baseline="0">
              <a:solidFill>
                <a:schemeClr val="accent3">
                  <a:lumMod val="75000"/>
                </a:schemeClr>
              </a:solidFill>
              <a:effectLst/>
              <a:latin typeface="+mn-lt"/>
              <a:ea typeface="+mn-ea"/>
              <a:cs typeface="+mn-cs"/>
            </a:rPr>
            <a:t>Follow-up Response Dialogue</a:t>
          </a:r>
          <a:r>
            <a:rPr lang="en-GB" sz="1100" b="0" baseline="0">
              <a:solidFill>
                <a:schemeClr val="accent3">
                  <a:lumMod val="75000"/>
                </a:schemeClr>
              </a:solidFill>
              <a:effectLst/>
              <a:latin typeface="+mn-lt"/>
              <a:ea typeface="+mn-ea"/>
              <a:cs typeface="+mn-cs"/>
            </a:rPr>
            <a:t> </a:t>
          </a:r>
          <a:r>
            <a:rPr lang="en-GB" sz="1100" b="0" baseline="0">
              <a:solidFill>
                <a:schemeClr val="dk1"/>
              </a:solidFill>
              <a:effectLst/>
              <a:latin typeface="+mn-lt"/>
              <a:ea typeface="+mn-ea"/>
              <a:cs typeface="+mn-cs"/>
            </a:rPr>
            <a:t>sheet: Both third-party reviewer and assessor have to input on this sheet, after the Initiating Comment List is completed (see above, and see User Instructions, right).</a:t>
          </a:r>
        </a:p>
        <a:p>
          <a:endParaRPr lang="en-GB" sz="1100" b="0" baseline="0">
            <a:solidFill>
              <a:schemeClr val="dk1"/>
            </a:solidFill>
            <a:effectLst/>
            <a:latin typeface="+mn-lt"/>
            <a:ea typeface="+mn-ea"/>
            <a:cs typeface="+mn-cs"/>
          </a:endParaRPr>
        </a:p>
        <a:p>
          <a:r>
            <a:rPr lang="en-GB" sz="1100" b="1" baseline="0">
              <a:solidFill>
                <a:srgbClr val="0070C0"/>
              </a:solidFill>
              <a:effectLst/>
              <a:latin typeface="+mn-lt"/>
              <a:ea typeface="+mn-ea"/>
              <a:cs typeface="+mn-cs"/>
            </a:rPr>
            <a:t>Carbon Management</a:t>
          </a:r>
          <a:r>
            <a:rPr lang="en-GB" sz="1100" b="0" baseline="0">
              <a:solidFill>
                <a:srgbClr val="0070C0"/>
              </a:solidFill>
              <a:effectLst/>
              <a:latin typeface="+mn-lt"/>
              <a:ea typeface="+mn-ea"/>
              <a:cs typeface="+mn-cs"/>
            </a:rPr>
            <a:t> </a:t>
          </a:r>
          <a:r>
            <a:rPr lang="en-GB" sz="1100" b="0" baseline="0">
              <a:solidFill>
                <a:schemeClr val="dk1"/>
              </a:solidFill>
              <a:effectLst/>
              <a:latin typeface="+mn-lt"/>
              <a:ea typeface="+mn-ea"/>
              <a:cs typeface="+mn-cs"/>
            </a:rPr>
            <a:t>sheet: Either or both the assessor and third-party reviewer may contribute to this sheet. </a:t>
          </a:r>
          <a:endParaRPr lang="en-GB" sz="1100" baseline="0"/>
        </a:p>
      </xdr:txBody>
    </xdr:sp>
    <xdr:clientData/>
  </xdr:twoCellAnchor>
  <xdr:twoCellAnchor>
    <xdr:from>
      <xdr:col>0</xdr:col>
      <xdr:colOff>47625</xdr:colOff>
      <xdr:row>17</xdr:row>
      <xdr:rowOff>170891</xdr:rowOff>
    </xdr:from>
    <xdr:to>
      <xdr:col>7</xdr:col>
      <xdr:colOff>676275</xdr:colOff>
      <xdr:row>46</xdr:row>
      <xdr:rowOff>95250</xdr:rowOff>
    </xdr:to>
    <xdr:sp macro="" textlink="">
      <xdr:nvSpPr>
        <xdr:cNvPr id="5" name="TextBox 3">
          <a:extLst>
            <a:ext uri="{FF2B5EF4-FFF2-40B4-BE49-F238E27FC236}">
              <a16:creationId xmlns:a16="http://schemas.microsoft.com/office/drawing/2014/main" id="{EA09DC55-CB48-15CD-8CF7-CC7B94D36FF5}"/>
            </a:ext>
          </a:extLst>
        </xdr:cNvPr>
        <xdr:cNvSpPr txBox="1"/>
      </xdr:nvSpPr>
      <xdr:spPr>
        <a:xfrm>
          <a:off x="47625" y="3066491"/>
          <a:ext cx="5429250" cy="5172634"/>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100" b="1" u="sng"/>
            <a:t>EXPLANATION OF SHEETS</a:t>
          </a:r>
        </a:p>
        <a:p>
          <a:r>
            <a:rPr lang="en-GB" sz="1100" b="1"/>
            <a:t>REVIEW</a:t>
          </a:r>
          <a:r>
            <a:rPr lang="en-GB" sz="1100" b="1" baseline="0"/>
            <a:t> DETAILS</a:t>
          </a:r>
          <a:r>
            <a:rPr lang="en-GB" sz="1100" b="1"/>
            <a:t>: </a:t>
          </a:r>
          <a:r>
            <a:rPr lang="en-GB" sz="1100"/>
            <a:t>To</a:t>
          </a:r>
          <a:r>
            <a:rPr lang="en-GB" sz="1100" baseline="0"/>
            <a:t> record the reviewer and assessor details. The inputs on this page are referenced in the drop-down list functionality on other sheets.</a:t>
          </a:r>
        </a:p>
        <a:p>
          <a:endParaRPr lang="en-GB" sz="1100" baseline="0"/>
        </a:p>
        <a:p>
          <a:r>
            <a:rPr lang="en-GB" sz="1100" b="1" baseline="0">
              <a:solidFill>
                <a:schemeClr val="accent6">
                  <a:lumMod val="75000"/>
                </a:schemeClr>
              </a:solidFill>
            </a:rPr>
            <a:t>INITIATING COMMENT LIST: </a:t>
          </a:r>
          <a:r>
            <a:rPr lang="en-GB" sz="1100" baseline="0"/>
            <a:t>Table in which third-party reviewer records comments. This table is pre-populated with prompts.</a:t>
          </a:r>
        </a:p>
        <a:p>
          <a:endParaRPr lang="en-GB" sz="1100" baseline="0"/>
        </a:p>
        <a:p>
          <a:pPr marL="0" marR="0" lvl="0" indent="0" defTabSz="914400" eaLnBrk="1" fontAlgn="auto" latinLnBrk="0" hangingPunct="1">
            <a:lnSpc>
              <a:spcPct val="100000"/>
            </a:lnSpc>
            <a:spcBef>
              <a:spcPts val="0"/>
            </a:spcBef>
            <a:spcAft>
              <a:spcPts val="0"/>
            </a:spcAft>
            <a:buClrTx/>
            <a:buSzTx/>
            <a:buFontTx/>
            <a:buNone/>
            <a:tabLst/>
            <a:defRPr/>
          </a:pPr>
          <a:r>
            <a:rPr lang="en-GB" sz="1100" b="1" baseline="0">
              <a:solidFill>
                <a:schemeClr val="accent3">
                  <a:lumMod val="75000"/>
                </a:schemeClr>
              </a:solidFill>
            </a:rPr>
            <a:t>FOLLOW-UP RESPONSE DIALOGUE: </a:t>
          </a:r>
          <a:r>
            <a:rPr lang="en-GB" sz="1100" baseline="0"/>
            <a:t>Table in which to record dialogue against comments in the Comment List. Where a comment needs resolution, the Table in this sheet is where a third-party reviewer sets an updated status. </a:t>
          </a:r>
        </a:p>
        <a:p>
          <a:pPr marL="0" marR="0" lvl="0" indent="0" defTabSz="914400" eaLnBrk="1" fontAlgn="auto" latinLnBrk="0" hangingPunct="1">
            <a:lnSpc>
              <a:spcPct val="100000"/>
            </a:lnSpc>
            <a:spcBef>
              <a:spcPts val="0"/>
            </a:spcBef>
            <a:spcAft>
              <a:spcPts val="0"/>
            </a:spcAft>
            <a:buClrTx/>
            <a:buSzTx/>
            <a:buFontTx/>
            <a:buNone/>
            <a:tabLst/>
            <a:defRPr/>
          </a:pPr>
          <a:endParaRPr lang="en-GB" sz="1100" b="0" baseline="0">
            <a:solidFill>
              <a:schemeClr val="dk1"/>
            </a:solidFill>
            <a:effectLst/>
            <a:latin typeface="+mn-lt"/>
            <a:ea typeface="+mn-ea"/>
            <a:cs typeface="+mn-cs"/>
          </a:endParaRPr>
        </a:p>
        <a:p>
          <a:pPr marL="0" marR="0" lvl="0" indent="0" defTabSz="914400" eaLnBrk="1" fontAlgn="auto" latinLnBrk="0" hangingPunct="1">
            <a:lnSpc>
              <a:spcPct val="100000"/>
            </a:lnSpc>
            <a:spcBef>
              <a:spcPts val="0"/>
            </a:spcBef>
            <a:spcAft>
              <a:spcPts val="0"/>
            </a:spcAft>
            <a:buClrTx/>
            <a:buSzTx/>
            <a:buFontTx/>
            <a:buNone/>
            <a:tabLst/>
            <a:defRPr/>
          </a:pPr>
          <a:r>
            <a:rPr lang="en-GB" sz="1100" b="0" baseline="0">
              <a:solidFill>
                <a:schemeClr val="dk1"/>
              </a:solidFill>
              <a:effectLst/>
              <a:latin typeface="+mn-lt"/>
              <a:ea typeface="+mn-ea"/>
              <a:cs typeface="+mn-cs"/>
            </a:rPr>
            <a:t>Each row in Response Dialogue is linked with an initial comment through the Comment ID column. Column B can be folded/unfolded to hide/show the comment associated with the Comment ID.</a:t>
          </a:r>
          <a:endParaRPr lang="en-GB" sz="1100" b="0" baseline="0"/>
        </a:p>
        <a:p>
          <a:br>
            <a:rPr lang="en-GB" sz="1100" baseline="0"/>
          </a:br>
          <a:r>
            <a:rPr lang="en-GB" sz="1100" b="1" baseline="0">
              <a:solidFill>
                <a:srgbClr val="0070C0"/>
              </a:solidFill>
            </a:rPr>
            <a:t>CARBON MANAGEMENT:</a:t>
          </a:r>
          <a:r>
            <a:rPr lang="en-GB" sz="1100" b="0" baseline="0">
              <a:solidFill>
                <a:srgbClr val="0070C0"/>
              </a:solidFill>
            </a:rPr>
            <a:t> </a:t>
          </a:r>
          <a:r>
            <a:rPr lang="en-GB" sz="1100" b="0" baseline="0"/>
            <a:t>Where projects have aspirations for carbon reductions, or a third-party assesses a risk in an assessment, this may result in some disagreement between assessors and reviewers. To facilitate managing any risks and opportunities, the Carbon Management tab is provided. Note that such a practice does not have to be limited to the third-party review process. Project teams looking to go beyond simply assessing their carbon, and looking to manage carbon risks and opportunities, may proactively implement such a tool.</a:t>
          </a:r>
        </a:p>
        <a:p>
          <a:endParaRPr lang="en-GB" sz="1100" b="0" baseline="0"/>
        </a:p>
        <a:p>
          <a:r>
            <a:rPr lang="en-GB" sz="1100" b="1" baseline="0"/>
            <a:t>LISTS: </a:t>
          </a:r>
          <a:r>
            <a:rPr lang="en-GB" sz="1100" b="0" baseline="0"/>
            <a:t>This sheet hosts the values for several drop-down menus. It can be used by end-users who may wish/need to add a "Driver" category. However, this is not anticipated to need to change significantly for any project, and the pre-defined Driver categories must be used as a priority, for review consistency and collection.</a:t>
          </a:r>
          <a:endParaRPr lang="en-GB" sz="1100"/>
        </a:p>
      </xdr:txBody>
    </xdr:sp>
    <xdr:clientData/>
  </xdr:twoCellAnchor>
  <xdr:twoCellAnchor>
    <xdr:from>
      <xdr:col>8</xdr:col>
      <xdr:colOff>148444</xdr:colOff>
      <xdr:row>2</xdr:row>
      <xdr:rowOff>12775</xdr:rowOff>
    </xdr:from>
    <xdr:to>
      <xdr:col>16</xdr:col>
      <xdr:colOff>92027</xdr:colOff>
      <xdr:row>46</xdr:row>
      <xdr:rowOff>102870</xdr:rowOff>
    </xdr:to>
    <xdr:sp macro="" textlink="">
      <xdr:nvSpPr>
        <xdr:cNvPr id="2" name="TextBox 4">
          <a:extLst>
            <a:ext uri="{FF2B5EF4-FFF2-40B4-BE49-F238E27FC236}">
              <a16:creationId xmlns:a16="http://schemas.microsoft.com/office/drawing/2014/main" id="{2B39A96E-7E55-E9D6-32F7-8E1E77002C99}"/>
            </a:ext>
          </a:extLst>
        </xdr:cNvPr>
        <xdr:cNvSpPr txBox="1"/>
      </xdr:nvSpPr>
      <xdr:spPr>
        <a:xfrm>
          <a:off x="5634844" y="195655"/>
          <a:ext cx="5429983" cy="8136815"/>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100" b="1" u="sng"/>
            <a:t>USER INSTRUCTIONS:</a:t>
          </a:r>
          <a:r>
            <a:rPr lang="en-GB" sz="1100" b="1" u="sng" baseline="0"/>
            <a:t> WORKFLOW</a:t>
          </a:r>
        </a:p>
        <a:p>
          <a:endParaRPr lang="en-GB" sz="1100" b="0" baseline="0"/>
        </a:p>
        <a:p>
          <a:r>
            <a:rPr lang="en-GB" sz="1100" b="1" baseline="0"/>
            <a:t>Step 1. </a:t>
          </a:r>
          <a:r>
            <a:rPr lang="en-GB" sz="1100" b="0" baseline="0"/>
            <a:t>Complete </a:t>
          </a:r>
          <a:r>
            <a:rPr lang="en-GB" sz="1100" b="1" baseline="0"/>
            <a:t>Review Details </a:t>
          </a:r>
          <a:r>
            <a:rPr lang="en-GB" sz="1100" b="0" baseline="0"/>
            <a:t>sheet inputs. Third-party reviewer to include the third-party reviewer's name, qualifications, and experience with building LCA, as a review comment on the cell with their company name.</a:t>
          </a:r>
        </a:p>
        <a:p>
          <a:endParaRPr lang="en-GB" sz="1100" b="0" baseline="0"/>
        </a:p>
        <a:p>
          <a:r>
            <a:rPr lang="en-GB" sz="1100" b="1" baseline="0"/>
            <a:t>Step 2. </a:t>
          </a:r>
          <a:r>
            <a:rPr lang="en-GB" sz="1100" b="0" baseline="0"/>
            <a:t>Third-party reviewer to complete their population of the </a:t>
          </a:r>
          <a:r>
            <a:rPr lang="en-GB" sz="1100" b="1" baseline="0">
              <a:solidFill>
                <a:schemeClr val="accent6">
                  <a:lumMod val="75000"/>
                </a:schemeClr>
              </a:solidFill>
            </a:rPr>
            <a:t>Initiating Comment List </a:t>
          </a:r>
          <a:r>
            <a:rPr lang="en-GB" sz="1100" b="0" baseline="0"/>
            <a:t>sheet. The Comment list is established with a set of initial prompts that are to be reviewed and built-upon, i.e. </a:t>
          </a:r>
        </a:p>
        <a:p>
          <a:pPr marL="252000" lvl="1"/>
          <a:r>
            <a:rPr lang="en-GB" sz="1100" b="0" baseline="0"/>
            <a:t>(1) The reviewer should add their observation / comment / concern in the same cell as the pre-populated text, and;</a:t>
          </a:r>
        </a:p>
        <a:p>
          <a:pPr marL="252000" lvl="1"/>
          <a:r>
            <a:rPr lang="en-GB" sz="1100" b="0" baseline="0"/>
            <a:t>(2) The reviewer can add additional comments if necessary. </a:t>
          </a:r>
        </a:p>
        <a:p>
          <a:endParaRPr lang="en-GB" sz="1100" b="0" baseline="0"/>
        </a:p>
        <a:p>
          <a:r>
            <a:rPr lang="en-GB" sz="1100" b="0" baseline="0"/>
            <a:t>A status must be set against the comments, where relevant. Once it is issued back to the carbon assessor, the </a:t>
          </a:r>
          <a:r>
            <a:rPr lang="en-GB" sz="1100" b="1" baseline="0">
              <a:solidFill>
                <a:schemeClr val="accent6">
                  <a:lumMod val="75000"/>
                </a:schemeClr>
              </a:solidFill>
              <a:effectLst/>
              <a:latin typeface="+mn-lt"/>
              <a:ea typeface="+mn-ea"/>
              <a:cs typeface="+mn-cs"/>
            </a:rPr>
            <a:t>Initiating Comment List</a:t>
          </a:r>
          <a:r>
            <a:rPr lang="en-GB" sz="1100" b="0" baseline="0">
              <a:solidFill>
                <a:schemeClr val="accent6">
                  <a:lumMod val="75000"/>
                </a:schemeClr>
              </a:solidFill>
            </a:rPr>
            <a:t> </a:t>
          </a:r>
          <a:r>
            <a:rPr lang="en-GB" sz="1100" b="0" baseline="0"/>
            <a:t>is not to be revised further. All further dialogue should be completed on the </a:t>
          </a:r>
          <a:r>
            <a:rPr lang="en-GB" sz="1100" b="1" baseline="0">
              <a:solidFill>
                <a:schemeClr val="accent3">
                  <a:lumMod val="75000"/>
                </a:schemeClr>
              </a:solidFill>
            </a:rPr>
            <a:t>Follow-up Response Dialogue</a:t>
          </a:r>
          <a:r>
            <a:rPr lang="en-GB" sz="1100" b="0" baseline="0">
              <a:solidFill>
                <a:schemeClr val="accent3">
                  <a:lumMod val="75000"/>
                </a:schemeClr>
              </a:solidFill>
            </a:rPr>
            <a:t> </a:t>
          </a:r>
          <a:r>
            <a:rPr lang="en-GB" sz="1100" b="0" baseline="0"/>
            <a:t>sheet, linked with the comment list through the Comment ID column.</a:t>
          </a:r>
        </a:p>
        <a:p>
          <a:endParaRPr lang="en-GB" sz="1100" b="0" baseline="0"/>
        </a:p>
        <a:p>
          <a:r>
            <a:rPr lang="en-GB" sz="1100" b="1" baseline="0"/>
            <a:t>Step 3. </a:t>
          </a:r>
          <a:r>
            <a:rPr lang="en-GB" sz="1100" b="0" baseline="0"/>
            <a:t>The carbon assessor should review all comments, regardless of Status, to understand all of the reviewer's commendations, queries, or concerns. The assessor should note the Status C comment IDs at least. The assessor might also wish to respond to Status B comments too, to address any of the reviewers concerns about best practice. Note: The assessor does not input anythin on the </a:t>
          </a:r>
          <a:r>
            <a:rPr lang="en-GB" sz="1100" b="1" baseline="0">
              <a:solidFill>
                <a:schemeClr val="accent6">
                  <a:lumMod val="75000"/>
                </a:schemeClr>
              </a:solidFill>
            </a:rPr>
            <a:t>Initiating Comment List</a:t>
          </a:r>
          <a:r>
            <a:rPr lang="en-GB" sz="1100" b="0" baseline="0">
              <a:solidFill>
                <a:schemeClr val="accent6">
                  <a:lumMod val="75000"/>
                </a:schemeClr>
              </a:solidFill>
            </a:rPr>
            <a:t>.</a:t>
          </a:r>
          <a:endParaRPr lang="en-GB" sz="1100" b="1" baseline="0">
            <a:solidFill>
              <a:schemeClr val="accent6">
                <a:lumMod val="75000"/>
              </a:schemeClr>
            </a:solidFill>
          </a:endParaRPr>
        </a:p>
        <a:p>
          <a:endParaRPr lang="en-GB" sz="1100" b="1" baseline="0"/>
        </a:p>
        <a:p>
          <a:r>
            <a:rPr lang="en-GB" sz="1100" b="1" baseline="0"/>
            <a:t>Step 4. </a:t>
          </a:r>
        </a:p>
        <a:p>
          <a:r>
            <a:rPr lang="en-GB" sz="1100" b="0" baseline="0"/>
            <a:t>The </a:t>
          </a:r>
          <a:r>
            <a:rPr lang="en-GB" sz="1100" b="1" baseline="0">
              <a:solidFill>
                <a:schemeClr val="accent3">
                  <a:lumMod val="75000"/>
                </a:schemeClr>
              </a:solidFill>
              <a:effectLst/>
              <a:latin typeface="+mn-lt"/>
              <a:ea typeface="+mn-ea"/>
              <a:cs typeface="+mn-cs"/>
            </a:rPr>
            <a:t>Follow-up Response Dialogue</a:t>
          </a:r>
          <a:r>
            <a:rPr lang="en-GB" sz="1100" b="1" baseline="0">
              <a:solidFill>
                <a:schemeClr val="accent3">
                  <a:lumMod val="75000"/>
                </a:schemeClr>
              </a:solidFill>
            </a:rPr>
            <a:t> </a:t>
          </a:r>
          <a:r>
            <a:rPr lang="en-GB" sz="1100" b="0" baseline="0"/>
            <a:t>sheet is used for all further dialogue. The carbon assessor will input the comment IDs noted in Step 3, into the Comment ID column. Column B can be folded/unfolded to hide/show the original comment. The assessor should provide a response and a date; but only the third-party reviewer is assigning/updating a status when they provide their follow-up response. </a:t>
          </a:r>
          <a:r>
            <a:rPr lang="en-GB" sz="1100" b="0" i="1" baseline="0"/>
            <a:t>Note: Example / model dialogue is provided in the template.</a:t>
          </a:r>
        </a:p>
        <a:p>
          <a:endParaRPr lang="en-GB" sz="1100" b="0" i="1" baseline="0"/>
        </a:p>
        <a:p>
          <a:r>
            <a:rPr lang="en-GB" sz="1100" b="1" i="0" baseline="0"/>
            <a:t>Step 5. (As needed)</a:t>
          </a:r>
        </a:p>
        <a:p>
          <a:r>
            <a:rPr lang="en-GB" sz="1100" b="0" i="0" baseline="0"/>
            <a:t>Where necessary, e.g. in matters of best practice and disagreements that imply a risk or opportunity to the reported carbon number, the </a:t>
          </a:r>
          <a:r>
            <a:rPr lang="en-GB" sz="1100" b="1" i="0" baseline="0">
              <a:solidFill>
                <a:schemeClr val="accent3">
                  <a:lumMod val="75000"/>
                </a:schemeClr>
              </a:solidFill>
            </a:rPr>
            <a:t>Carbon Management</a:t>
          </a:r>
          <a:r>
            <a:rPr lang="en-GB" sz="1100" b="0" i="0" baseline="0">
              <a:solidFill>
                <a:schemeClr val="accent3">
                  <a:lumMod val="75000"/>
                </a:schemeClr>
              </a:solidFill>
            </a:rPr>
            <a:t> </a:t>
          </a:r>
          <a:r>
            <a:rPr lang="en-GB" sz="1100" b="0" i="0" baseline="0"/>
            <a:t>sheet can be used. Either/both parties can propose to compromise on any comment, adding the risk / opportunity to the Carbon Management sheet. This could also be provided pre-emptively by the LCA Assessor. See the Explanation of Sheets related to this tab for further insight (see left).</a:t>
          </a:r>
        </a:p>
        <a:p>
          <a:endParaRPr lang="en-GB" sz="1100" b="0" i="0" baseline="0"/>
        </a:p>
        <a:p>
          <a:r>
            <a:rPr lang="en-GB" sz="1100" b="1" i="0" baseline="0"/>
            <a:t>Conclusion</a:t>
          </a:r>
        </a:p>
        <a:p>
          <a:r>
            <a:rPr lang="en-GB" sz="1100" b="0" i="0" baseline="0"/>
            <a:t>A review is concluded when the latest status, for every item in the Comment List, is either Status A or Status B. </a:t>
          </a:r>
        </a:p>
        <a:p>
          <a:endParaRPr lang="en-GB" sz="1100" b="0" i="0" baseline="0"/>
        </a:p>
        <a:p>
          <a:r>
            <a:rPr lang="en-GB" sz="1100" b="0" i="0" baseline="0"/>
            <a:t>To avoid further comments or statements coming into the review process, the final deliverable can simply be a completed data collection workbook submitted by the third-party reviewer to the leading CoL planning officer, with a simple concluding statement.</a:t>
          </a:r>
        </a:p>
      </xdr:txBody>
    </xdr:sp>
    <xdr:clientData/>
  </xdr:twoCellAnchor>
  <xdr:twoCellAnchor>
    <xdr:from>
      <xdr:col>0</xdr:col>
      <xdr:colOff>47624</xdr:colOff>
      <xdr:row>0</xdr:row>
      <xdr:rowOff>332815</xdr:rowOff>
    </xdr:from>
    <xdr:to>
      <xdr:col>16</xdr:col>
      <xdr:colOff>95249</xdr:colOff>
      <xdr:row>1</xdr:row>
      <xdr:rowOff>619124</xdr:rowOff>
    </xdr:to>
    <xdr:sp macro="" textlink="">
      <xdr:nvSpPr>
        <xdr:cNvPr id="4" name="TextBox 3">
          <a:extLst>
            <a:ext uri="{FF2B5EF4-FFF2-40B4-BE49-F238E27FC236}">
              <a16:creationId xmlns:a16="http://schemas.microsoft.com/office/drawing/2014/main" id="{AA925CA4-0D52-C6BB-D2CD-23F20AF7A7EE}"/>
            </a:ext>
          </a:extLst>
        </xdr:cNvPr>
        <xdr:cNvSpPr txBox="1"/>
      </xdr:nvSpPr>
      <xdr:spPr>
        <a:xfrm>
          <a:off x="47624" y="332815"/>
          <a:ext cx="11020425" cy="629209"/>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100" b="0" u="none"/>
            <a:t>The information</a:t>
          </a:r>
          <a:r>
            <a:rPr lang="en-GB" sz="1100" b="0" u="none" baseline="0"/>
            <a:t> </a:t>
          </a:r>
          <a:r>
            <a:rPr lang="en-GB" sz="1100" b="0" u="none"/>
            <a:t>on this Read</a:t>
          </a:r>
          <a:r>
            <a:rPr lang="en-GB" sz="1100" b="0" u="none" baseline="0"/>
            <a:t> M</a:t>
          </a:r>
          <a:r>
            <a:rPr lang="en-GB" sz="1100" b="0" u="none"/>
            <a:t>e page is for practical</a:t>
          </a:r>
          <a:r>
            <a:rPr lang="en-GB" sz="1100" b="0" u="none" baseline="0"/>
            <a:t> guidance when using this framework (Excel workbook). The application of this framework </a:t>
          </a:r>
          <a:r>
            <a:rPr lang="en-GB" sz="1100" b="0" u="none"/>
            <a:t>is supported with further complementary</a:t>
          </a:r>
          <a:r>
            <a:rPr lang="en-GB" sz="1100" b="0" u="none" baseline="0"/>
            <a:t> detail in </a:t>
          </a:r>
          <a:r>
            <a:rPr lang="en-GB" sz="1100" b="0" u="none"/>
            <a:t>the </a:t>
          </a:r>
          <a:r>
            <a:rPr lang="en-GB" sz="1100" b="1" u="none"/>
            <a:t>Third-party</a:t>
          </a:r>
          <a:r>
            <a:rPr lang="en-GB" sz="1100" b="1" u="none" baseline="0"/>
            <a:t> Review G</a:t>
          </a:r>
          <a:r>
            <a:rPr lang="en-GB" sz="1100" b="1" u="none"/>
            <a:t>overnance Guidance</a:t>
          </a:r>
          <a:r>
            <a:rPr lang="en-GB" sz="1100" b="0" u="none"/>
            <a:t>. Reviewers and applicants are strongly encouraged to review the</a:t>
          </a:r>
          <a:r>
            <a:rPr lang="en-GB" sz="1100" b="0" u="none" baseline="0"/>
            <a:t> governance guidance at least once before undertaking their first third-party review. During testing of this framework, it was found that most questions or concerns were addressed by the governance guidance.</a:t>
          </a:r>
        </a:p>
      </xdr:txBody>
    </xdr:sp>
    <xdr:clientData/>
  </xdr:twoCellAnchor>
</xdr:wsDr>
</file>

<file path=xl/drawings/drawing2.xml><?xml version="1.0" encoding="utf-8"?>
<xdr:wsDr xmlns:xdr="http://schemas.openxmlformats.org/drawingml/2006/spreadsheetDrawing" xmlns:a="http://schemas.openxmlformats.org/drawingml/2006/main">
  <xdr:twoCellAnchor>
    <xdr:from>
      <xdr:col>0</xdr:col>
      <xdr:colOff>217252</xdr:colOff>
      <xdr:row>1</xdr:row>
      <xdr:rowOff>49302</xdr:rowOff>
    </xdr:from>
    <xdr:to>
      <xdr:col>2</xdr:col>
      <xdr:colOff>977348</xdr:colOff>
      <xdr:row>1</xdr:row>
      <xdr:rowOff>2101302</xdr:rowOff>
    </xdr:to>
    <xdr:sp macro="" textlink="">
      <xdr:nvSpPr>
        <xdr:cNvPr id="5" name="TextBox 1">
          <a:extLst>
            <a:ext uri="{FF2B5EF4-FFF2-40B4-BE49-F238E27FC236}">
              <a16:creationId xmlns:a16="http://schemas.microsoft.com/office/drawing/2014/main" id="{AFF9DA05-55D1-4AA8-8FD4-6D52D4510AB1}"/>
            </a:ext>
          </a:extLst>
        </xdr:cNvPr>
        <xdr:cNvSpPr txBox="1"/>
      </xdr:nvSpPr>
      <xdr:spPr>
        <a:xfrm>
          <a:off x="217252" y="306063"/>
          <a:ext cx="6947205" cy="2052000"/>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000" b="1" u="sng"/>
            <a:t>STATUS CODES:</a:t>
          </a:r>
        </a:p>
        <a:p>
          <a:r>
            <a:rPr lang="en-GB" sz="1000"/>
            <a:t>The following status codes are established in this review</a:t>
          </a:r>
          <a:r>
            <a:rPr lang="en-GB" sz="1000" baseline="0"/>
            <a:t> process.</a:t>
          </a:r>
          <a:endParaRPr lang="en-GB" sz="1000"/>
        </a:p>
        <a:p>
          <a:r>
            <a:rPr lang="en-GB" sz="1000" b="1"/>
            <a:t>Status</a:t>
          </a:r>
          <a:r>
            <a:rPr lang="en-GB" sz="1000" b="1" baseline="0"/>
            <a:t> A: </a:t>
          </a:r>
          <a:r>
            <a:rPr lang="en-GB" sz="1000" b="0" i="0">
              <a:solidFill>
                <a:schemeClr val="dk1"/>
              </a:solidFill>
              <a:effectLst/>
              <a:latin typeface="+mn-lt"/>
              <a:ea typeface="+mn-ea"/>
              <a:cs typeface="+mn-cs"/>
            </a:rPr>
            <a:t>The reviewer is satisfied that the evidence is compliant</a:t>
          </a:r>
          <a:r>
            <a:rPr lang="en-GB" sz="1000" b="0" i="0" baseline="0">
              <a:solidFill>
                <a:schemeClr val="dk1"/>
              </a:solidFill>
              <a:effectLst/>
              <a:latin typeface="+mn-lt"/>
              <a:ea typeface="+mn-ea"/>
              <a:cs typeface="+mn-cs"/>
            </a:rPr>
            <a:t> and/or satisfactory</a:t>
          </a:r>
          <a:r>
            <a:rPr lang="en-GB" sz="1000" b="0" i="0">
              <a:solidFill>
                <a:schemeClr val="dk1"/>
              </a:solidFill>
              <a:effectLst/>
              <a:latin typeface="+mn-lt"/>
              <a:ea typeface="+mn-ea"/>
              <a:cs typeface="+mn-cs"/>
            </a:rPr>
            <a:t>. </a:t>
          </a:r>
          <a:r>
            <a:rPr lang="en-GB" sz="1000" b="1" i="0">
              <a:solidFill>
                <a:schemeClr val="dk1"/>
              </a:solidFill>
              <a:effectLst/>
              <a:latin typeface="+mn-lt"/>
              <a:ea typeface="+mn-ea"/>
              <a:cs typeface="+mn-cs"/>
            </a:rPr>
            <a:t>CLOSED</a:t>
          </a:r>
          <a:endParaRPr lang="en-GB" sz="1000" b="1" baseline="0"/>
        </a:p>
        <a:p>
          <a:r>
            <a:rPr lang="en-GB" sz="1000" b="1" baseline="0"/>
            <a:t>Status B: </a:t>
          </a:r>
          <a:r>
            <a:rPr lang="en-GB" sz="1000" i="0">
              <a:effectLst/>
            </a:rPr>
            <a:t>It is acceptable (with the agreement of City Corporation officers) to conclude the third-party verification with a few unresolved Status B findings, as they are expected to be of low significance. </a:t>
          </a:r>
          <a:r>
            <a:rPr lang="en-GB" sz="1000" b="1" i="0">
              <a:solidFill>
                <a:schemeClr val="dk1"/>
              </a:solidFill>
              <a:effectLst/>
              <a:latin typeface="+mn-lt"/>
              <a:ea typeface="+mn-ea"/>
              <a:cs typeface="+mn-cs"/>
            </a:rPr>
            <a:t>CLOSED</a:t>
          </a:r>
          <a:endParaRPr lang="en-GB" sz="1000" b="1" baseline="0"/>
        </a:p>
        <a:p>
          <a:r>
            <a:rPr lang="en-GB" sz="1000" b="1" baseline="0"/>
            <a:t>Status C: </a:t>
          </a:r>
          <a:r>
            <a:rPr lang="en-GB" sz="1000" b="0" i="0">
              <a:effectLst/>
            </a:rPr>
            <a:t>Ideally, no Status C items will remain at the conclusion of the review, as they can potentially alter the carbon outcome of the assessment. </a:t>
          </a:r>
          <a:r>
            <a:rPr lang="en-GB" sz="1000" i="0">
              <a:effectLst/>
            </a:rPr>
            <a:t>All findings classified with a Status ‘C’ should be reviewed and addressed by the applicant team.</a:t>
          </a:r>
          <a:r>
            <a:rPr lang="en-GB" sz="1000" i="1">
              <a:effectLst/>
            </a:rPr>
            <a:t> </a:t>
          </a:r>
          <a:r>
            <a:rPr lang="en-GB" sz="1000" i="0">
              <a:effectLst/>
            </a:rPr>
            <a:t>The applicant team may, at their own risk, conclude the optioneering process with certain unresolved Status C findings.</a:t>
          </a:r>
          <a:r>
            <a:rPr lang="en-GB" sz="1000" b="0" i="0">
              <a:solidFill>
                <a:schemeClr val="dk1"/>
              </a:solidFill>
              <a:effectLst/>
              <a:latin typeface="+mn-lt"/>
              <a:ea typeface="+mn-ea"/>
              <a:cs typeface="+mn-cs"/>
            </a:rPr>
            <a:t> </a:t>
          </a:r>
          <a:r>
            <a:rPr lang="en-GB" sz="1000" b="1" i="0">
              <a:solidFill>
                <a:schemeClr val="dk1"/>
              </a:solidFill>
              <a:effectLst/>
              <a:latin typeface="+mn-lt"/>
              <a:ea typeface="+mn-ea"/>
              <a:cs typeface="+mn-cs"/>
            </a:rPr>
            <a:t>OPEN</a:t>
          </a:r>
          <a:endParaRPr lang="en-GB" sz="1000" b="1" baseline="0"/>
        </a:p>
        <a:p>
          <a:r>
            <a:rPr lang="en-GB" sz="1000" b="1" baseline="0"/>
            <a:t>N/A:</a:t>
          </a:r>
          <a:r>
            <a:rPr lang="en-GB" sz="1000" baseline="0"/>
            <a:t> Some comments do not warrant a status. N/A is applicable to comments which reflect observations or commendations the reviewer wishes to note.</a:t>
          </a:r>
        </a:p>
        <a:p>
          <a:r>
            <a:rPr lang="en-GB" sz="1000" i="1">
              <a:effectLst/>
            </a:rPr>
            <a:t>For all reviews, refer to the supporting </a:t>
          </a:r>
          <a:r>
            <a:rPr lang="en-GB" sz="1000" i="0">
              <a:effectLst/>
            </a:rPr>
            <a:t>Third-party Review Governance Guidance </a:t>
          </a:r>
          <a:r>
            <a:rPr lang="en-GB" sz="1000" i="1">
              <a:effectLst/>
            </a:rPr>
            <a:t>for advice on all Statuses; and for City of London Optioneering reviews, refer to City of London Carbon Optioneering Guidance</a:t>
          </a:r>
          <a:r>
            <a:rPr lang="en-GB" sz="1000" i="1" baseline="0">
              <a:effectLst/>
            </a:rPr>
            <a:t> (</a:t>
          </a:r>
          <a:r>
            <a:rPr lang="en-GB" sz="1000" i="1">
              <a:effectLst/>
            </a:rPr>
            <a:t>COG) for complementary guidance.</a:t>
          </a:r>
          <a:endParaRPr lang="en-GB" sz="1000"/>
        </a:p>
      </xdr:txBody>
    </xdr:sp>
    <xdr:clientData/>
  </xdr:twoCellAnchor>
  <xdr:twoCellAnchor>
    <xdr:from>
      <xdr:col>2</xdr:col>
      <xdr:colOff>1076739</xdr:colOff>
      <xdr:row>1</xdr:row>
      <xdr:rowOff>49302</xdr:rowOff>
    </xdr:from>
    <xdr:to>
      <xdr:col>7</xdr:col>
      <xdr:colOff>0</xdr:colOff>
      <xdr:row>1</xdr:row>
      <xdr:rowOff>2101302</xdr:rowOff>
    </xdr:to>
    <xdr:sp macro="" textlink="">
      <xdr:nvSpPr>
        <xdr:cNvPr id="4" name="TextBox 3">
          <a:extLst>
            <a:ext uri="{FF2B5EF4-FFF2-40B4-BE49-F238E27FC236}">
              <a16:creationId xmlns:a16="http://schemas.microsoft.com/office/drawing/2014/main" id="{F4AD6EB6-EA2B-4FD5-9C04-4D34E42E65D7}"/>
            </a:ext>
          </a:extLst>
        </xdr:cNvPr>
        <xdr:cNvSpPr txBox="1"/>
      </xdr:nvSpPr>
      <xdr:spPr>
        <a:xfrm>
          <a:off x="7263848" y="306063"/>
          <a:ext cx="5930348" cy="2052000"/>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050" b="1" u="sng">
              <a:solidFill>
                <a:srgbClr val="505050"/>
              </a:solidFill>
            </a:rPr>
            <a:t>INITIATING COMMENT LIST:</a:t>
          </a:r>
          <a:r>
            <a:rPr lang="en-GB" sz="1050" b="0" u="none">
              <a:solidFill>
                <a:srgbClr val="505050"/>
              </a:solidFill>
            </a:rPr>
            <a:t> This page includes a table in which the third-party reviewer records comments. It is only used by the third-party reviewer; it is read by the LCA</a:t>
          </a:r>
          <a:r>
            <a:rPr lang="en-GB" sz="1050" b="0" u="none" baseline="0">
              <a:solidFill>
                <a:srgbClr val="505050"/>
              </a:solidFill>
            </a:rPr>
            <a:t> assessor after the initial review, and all follow-up dialogue will proceed in the </a:t>
          </a:r>
          <a:r>
            <a:rPr lang="en-GB" sz="1050" b="1" u="none" baseline="0">
              <a:solidFill>
                <a:srgbClr val="505050"/>
              </a:solidFill>
            </a:rPr>
            <a:t>Follow-up Response Dialogue</a:t>
          </a:r>
          <a:r>
            <a:rPr lang="en-GB" sz="1050" b="0" u="none" baseline="0">
              <a:solidFill>
                <a:srgbClr val="505050"/>
              </a:solidFill>
            </a:rPr>
            <a:t> sheet.</a:t>
          </a:r>
          <a:endParaRPr lang="en-GB" sz="1050" b="0" u="none">
            <a:solidFill>
              <a:srgbClr val="505050"/>
            </a:solidFill>
          </a:endParaRPr>
        </a:p>
        <a:p>
          <a:endParaRPr lang="en-GB" sz="1050" b="0" u="none">
            <a:solidFill>
              <a:srgbClr val="505050"/>
            </a:solidFill>
          </a:endParaRPr>
        </a:p>
        <a:p>
          <a:r>
            <a:rPr lang="en-GB" sz="1050" b="0" u="none">
              <a:solidFill>
                <a:srgbClr val="505050"/>
              </a:solidFill>
            </a:rPr>
            <a:t>This table is pre-populated with prompts. </a:t>
          </a:r>
          <a:r>
            <a:rPr lang="en-GB" sz="1050" b="0" baseline="0">
              <a:solidFill>
                <a:srgbClr val="505050"/>
              </a:solidFill>
              <a:effectLst/>
              <a:latin typeface="+mn-lt"/>
              <a:ea typeface="+mn-ea"/>
              <a:cs typeface="+mn-cs"/>
            </a:rPr>
            <a:t>The reviewer should add their observation / comment / concern in the same cell as the pre-populated text; and the reviewer can add additional comments if necessary.</a:t>
          </a:r>
        </a:p>
        <a:p>
          <a:endParaRPr lang="en-GB" sz="1050" b="0" u="none" baseline="0">
            <a:solidFill>
              <a:srgbClr val="505050"/>
            </a:solidFill>
            <a:effectLst/>
            <a:latin typeface="+mn-lt"/>
            <a:ea typeface="+mn-ea"/>
            <a:cs typeface="+mn-cs"/>
          </a:endParaRPr>
        </a:p>
        <a:p>
          <a:r>
            <a:rPr lang="en-GB" sz="1050" b="1" u="sng" baseline="0">
              <a:solidFill>
                <a:srgbClr val="505050"/>
              </a:solidFill>
              <a:effectLst/>
              <a:latin typeface="+mn-lt"/>
              <a:ea typeface="+mn-ea"/>
              <a:cs typeface="+mn-cs"/>
            </a:rPr>
            <a:t>The LCA assessor does not use this sheet</a:t>
          </a:r>
          <a:r>
            <a:rPr lang="en-GB" sz="1050" b="0" u="none" baseline="0">
              <a:solidFill>
                <a:srgbClr val="505050"/>
              </a:solidFill>
              <a:effectLst/>
              <a:latin typeface="+mn-lt"/>
              <a:ea typeface="+mn-ea"/>
              <a:cs typeface="+mn-cs"/>
            </a:rPr>
            <a:t>, and it is effectively frozen after the initial review, with all further dialogue completed in the </a:t>
          </a:r>
          <a:r>
            <a:rPr lang="en-GB" sz="1050" b="1" u="none" baseline="0">
              <a:solidFill>
                <a:srgbClr val="505050"/>
              </a:solidFill>
              <a:effectLst/>
              <a:latin typeface="+mn-lt"/>
              <a:ea typeface="+mn-ea"/>
              <a:cs typeface="+mn-cs"/>
            </a:rPr>
            <a:t>Follow-up Response Dialogue</a:t>
          </a:r>
          <a:r>
            <a:rPr lang="en-GB" sz="1050" b="0" u="none" baseline="0">
              <a:solidFill>
                <a:srgbClr val="505050"/>
              </a:solidFill>
              <a:effectLst/>
              <a:latin typeface="+mn-lt"/>
              <a:ea typeface="+mn-ea"/>
              <a:cs typeface="+mn-cs"/>
            </a:rPr>
            <a:t> sheet.</a:t>
          </a:r>
          <a:endParaRPr lang="en-GB" sz="1050" b="1" u="sng">
            <a:solidFill>
              <a:srgbClr val="505050"/>
            </a:solidFill>
          </a:endParaRPr>
        </a:p>
      </xdr:txBody>
    </xdr:sp>
    <xdr:clientData/>
  </xdr:twoCellAnchor>
</xdr:wsDr>
</file>

<file path=xl/drawings/drawing3.xml><?xml version="1.0" encoding="utf-8"?>
<xdr:wsDr xmlns:xdr="http://schemas.openxmlformats.org/drawingml/2006/spreadsheetDrawing" xmlns:a="http://schemas.openxmlformats.org/drawingml/2006/main">
  <xdr:twoCellAnchor>
    <xdr:from>
      <xdr:col>0</xdr:col>
      <xdr:colOff>38099</xdr:colOff>
      <xdr:row>2</xdr:row>
      <xdr:rowOff>32386</xdr:rowOff>
    </xdr:from>
    <xdr:to>
      <xdr:col>5</xdr:col>
      <xdr:colOff>76200</xdr:colOff>
      <xdr:row>2</xdr:row>
      <xdr:rowOff>1562386</xdr:rowOff>
    </xdr:to>
    <xdr:sp macro="" textlink="">
      <xdr:nvSpPr>
        <xdr:cNvPr id="538" name="TextBox 1">
          <a:extLst>
            <a:ext uri="{FF2B5EF4-FFF2-40B4-BE49-F238E27FC236}">
              <a16:creationId xmlns:a16="http://schemas.microsoft.com/office/drawing/2014/main" id="{BF92F445-5E1A-46B5-BF01-F0F2AA84CD3D}"/>
            </a:ext>
          </a:extLst>
        </xdr:cNvPr>
        <xdr:cNvSpPr txBox="1"/>
      </xdr:nvSpPr>
      <xdr:spPr>
        <a:xfrm>
          <a:off x="38099" y="474490"/>
          <a:ext cx="9120997" cy="1530000"/>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eaLnBrk="1" fontAlgn="auto" latinLnBrk="0" hangingPunct="1"/>
          <a:r>
            <a:rPr lang="en-GB" sz="1050" b="1" u="sng" baseline="0">
              <a:solidFill>
                <a:srgbClr val="505050"/>
              </a:solidFill>
              <a:effectLst/>
              <a:latin typeface="+mn-lt"/>
              <a:ea typeface="+mn-ea"/>
              <a:cs typeface="+mn-cs"/>
            </a:rPr>
            <a:t>FOLLOW-UP RESPONSE DIALOGUE:</a:t>
          </a:r>
          <a:r>
            <a:rPr lang="en-GB" sz="1050" baseline="0">
              <a:solidFill>
                <a:srgbClr val="505050"/>
              </a:solidFill>
              <a:effectLst/>
              <a:latin typeface="+mn-lt"/>
              <a:ea typeface="+mn-ea"/>
              <a:cs typeface="+mn-cs"/>
            </a:rPr>
            <a:t> This page includes a table in which all parties can record dialogue against comments in the </a:t>
          </a:r>
          <a:r>
            <a:rPr lang="en-GB" sz="1050" b="1" baseline="0">
              <a:solidFill>
                <a:srgbClr val="505050"/>
              </a:solidFill>
              <a:effectLst/>
              <a:latin typeface="+mn-lt"/>
              <a:ea typeface="+mn-ea"/>
              <a:cs typeface="+mn-cs"/>
            </a:rPr>
            <a:t>Initiating Comment List</a:t>
          </a:r>
          <a:r>
            <a:rPr lang="en-GB" sz="1050" b="0" baseline="0">
              <a:solidFill>
                <a:srgbClr val="505050"/>
              </a:solidFill>
              <a:effectLst/>
              <a:latin typeface="+mn-lt"/>
              <a:ea typeface="+mn-ea"/>
              <a:cs typeface="+mn-cs"/>
            </a:rPr>
            <a:t> (which is only edited by the third-party reviewer)</a:t>
          </a:r>
          <a:r>
            <a:rPr lang="en-GB" sz="1050" baseline="0">
              <a:solidFill>
                <a:srgbClr val="505050"/>
              </a:solidFill>
              <a:effectLst/>
              <a:latin typeface="+mn-lt"/>
              <a:ea typeface="+mn-ea"/>
              <a:cs typeface="+mn-cs"/>
            </a:rPr>
            <a:t>. Where a comment needs resolution, the Table in this sheet is where a third-party reviewer sets an updated status. </a:t>
          </a:r>
        </a:p>
        <a:p>
          <a:pPr eaLnBrk="1" fontAlgn="auto" latinLnBrk="0" hangingPunct="1"/>
          <a:endParaRPr lang="en-GB" sz="1050">
            <a:solidFill>
              <a:srgbClr val="505050"/>
            </a:solidFill>
            <a:effectLst/>
          </a:endParaRPr>
        </a:p>
        <a:p>
          <a:pPr eaLnBrk="1" fontAlgn="auto" latinLnBrk="0" hangingPunct="1"/>
          <a:r>
            <a:rPr lang="en-GB" sz="1050" b="0" baseline="0">
              <a:solidFill>
                <a:srgbClr val="505050"/>
              </a:solidFill>
              <a:effectLst/>
              <a:latin typeface="+mn-lt"/>
              <a:ea typeface="+mn-ea"/>
              <a:cs typeface="+mn-cs"/>
            </a:rPr>
            <a:t>Each row in </a:t>
          </a:r>
          <a:r>
            <a:rPr lang="en-GB" sz="1050" b="1" baseline="0">
              <a:solidFill>
                <a:srgbClr val="505050"/>
              </a:solidFill>
              <a:effectLst/>
              <a:latin typeface="+mn-lt"/>
              <a:ea typeface="+mn-ea"/>
              <a:cs typeface="+mn-cs"/>
            </a:rPr>
            <a:t>Follow-up Response Dialogue</a:t>
          </a:r>
          <a:r>
            <a:rPr lang="en-GB" sz="1050" b="0" baseline="0">
              <a:solidFill>
                <a:srgbClr val="505050"/>
              </a:solidFill>
              <a:effectLst/>
              <a:latin typeface="+mn-lt"/>
              <a:ea typeface="+mn-ea"/>
              <a:cs typeface="+mn-cs"/>
            </a:rPr>
            <a:t> is to be linked with an initial comment through the Comment ID column; see Guidance to the right for setting this up after the initial review is complete. Column B can be folded/unfolded (using the +/- toggle above) to hide/show the comment associated with the Comment ID.</a:t>
          </a:r>
        </a:p>
        <a:p>
          <a:pPr eaLnBrk="1" fontAlgn="auto" latinLnBrk="0" hangingPunct="1"/>
          <a:endParaRPr lang="en-GB" sz="1050" b="0" baseline="0">
            <a:solidFill>
              <a:srgbClr val="505050"/>
            </a:solidFill>
            <a:effectLst/>
            <a:latin typeface="+mn-lt"/>
            <a:ea typeface="+mn-ea"/>
            <a:cs typeface="+mn-cs"/>
          </a:endParaRPr>
        </a:p>
        <a:p>
          <a:pPr eaLnBrk="1" fontAlgn="auto" latinLnBrk="0" hangingPunct="1"/>
          <a:r>
            <a:rPr lang="en-GB" sz="1050" b="0" baseline="0">
              <a:solidFill>
                <a:srgbClr val="505050"/>
              </a:solidFill>
              <a:effectLst/>
              <a:latin typeface="+mn-lt"/>
              <a:ea typeface="+mn-ea"/>
              <a:cs typeface="+mn-cs"/>
            </a:rPr>
            <a:t>The table is setup to group and sort Comment ID, and by date (oldest to newest). After adding comments to this list, the sorting may need to be refreshed. In the Excel ribbon, select View. In the drop down Sheet View list (left of the ribbon) change to </a:t>
          </a:r>
          <a:r>
            <a:rPr lang="en-GB" sz="1050" b="0" i="1" baseline="0">
              <a:solidFill>
                <a:srgbClr val="505050"/>
              </a:solidFill>
              <a:effectLst/>
              <a:latin typeface="+mn-lt"/>
              <a:ea typeface="+mn-ea"/>
              <a:cs typeface="+mn-cs"/>
            </a:rPr>
            <a:t>Default </a:t>
          </a:r>
          <a:r>
            <a:rPr lang="en-GB" sz="1050" b="0" baseline="0">
              <a:solidFill>
                <a:srgbClr val="505050"/>
              </a:solidFill>
              <a:effectLst/>
              <a:latin typeface="+mn-lt"/>
              <a:ea typeface="+mn-ea"/>
              <a:cs typeface="+mn-cs"/>
            </a:rPr>
            <a:t>and then re-select </a:t>
          </a:r>
          <a:r>
            <a:rPr lang="en-GB" sz="1050" b="0" i="1" baseline="0">
              <a:solidFill>
                <a:srgbClr val="505050"/>
              </a:solidFill>
              <a:effectLst/>
              <a:latin typeface="+mn-lt"/>
              <a:ea typeface="+mn-ea"/>
              <a:cs typeface="+mn-cs"/>
            </a:rPr>
            <a:t>Response Dialogue - Default Sort</a:t>
          </a:r>
          <a:r>
            <a:rPr lang="en-GB" sz="1050" b="0" baseline="0">
              <a:solidFill>
                <a:srgbClr val="505050"/>
              </a:solidFill>
              <a:effectLst/>
              <a:latin typeface="+mn-lt"/>
              <a:ea typeface="+mn-ea"/>
              <a:cs typeface="+mn-cs"/>
            </a:rPr>
            <a:t>.</a:t>
          </a:r>
        </a:p>
      </xdr:txBody>
    </xdr:sp>
    <xdr:clientData/>
  </xdr:twoCellAnchor>
  <xdr:twoCellAnchor>
    <xdr:from>
      <xdr:col>7</xdr:col>
      <xdr:colOff>92392</xdr:colOff>
      <xdr:row>2</xdr:row>
      <xdr:rowOff>34288</xdr:rowOff>
    </xdr:from>
    <xdr:to>
      <xdr:col>11</xdr:col>
      <xdr:colOff>633412</xdr:colOff>
      <xdr:row>2</xdr:row>
      <xdr:rowOff>1564288</xdr:rowOff>
    </xdr:to>
    <xdr:sp macro="" textlink="">
      <xdr:nvSpPr>
        <xdr:cNvPr id="2" name="TextBox 1">
          <a:extLst>
            <a:ext uri="{FF2B5EF4-FFF2-40B4-BE49-F238E27FC236}">
              <a16:creationId xmlns:a16="http://schemas.microsoft.com/office/drawing/2014/main" id="{48DC2E41-A2D6-427B-FBCC-4DD23982B053}"/>
            </a:ext>
          </a:extLst>
        </xdr:cNvPr>
        <xdr:cNvSpPr txBox="1"/>
      </xdr:nvSpPr>
      <xdr:spPr>
        <a:xfrm>
          <a:off x="10361420" y="476392"/>
          <a:ext cx="3287096" cy="1530000"/>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eaLnBrk="1" fontAlgn="auto" latinLnBrk="0" hangingPunct="1"/>
          <a:r>
            <a:rPr lang="en-GB" sz="1000" b="1" baseline="0">
              <a:solidFill>
                <a:schemeClr val="dk1"/>
              </a:solidFill>
              <a:effectLst/>
              <a:latin typeface="+mn-lt"/>
              <a:ea typeface="+mn-ea"/>
              <a:cs typeface="+mn-cs"/>
            </a:rPr>
            <a:t>GUIDANCE</a:t>
          </a:r>
        </a:p>
        <a:p>
          <a:pPr eaLnBrk="1" fontAlgn="auto" latinLnBrk="0" hangingPunct="1"/>
          <a:r>
            <a:rPr lang="en-GB" sz="1000" b="0" baseline="0">
              <a:solidFill>
                <a:schemeClr val="dk1"/>
              </a:solidFill>
              <a:effectLst/>
              <a:latin typeface="+mn-lt"/>
              <a:ea typeface="+mn-ea"/>
              <a:cs typeface="+mn-cs"/>
            </a:rPr>
            <a:t>The lists below include the Comment IDs labelled Status C or Status B, from the Initiating Comment list.</a:t>
          </a:r>
        </a:p>
        <a:p>
          <a:pPr eaLnBrk="1" fontAlgn="auto" latinLnBrk="0" hangingPunct="1"/>
          <a:endParaRPr lang="en-GB" sz="1000" b="0" baseline="0">
            <a:solidFill>
              <a:schemeClr val="dk1"/>
            </a:solidFill>
            <a:effectLst/>
            <a:latin typeface="+mn-lt"/>
            <a:ea typeface="+mn-ea"/>
            <a:cs typeface="+mn-cs"/>
          </a:endParaRPr>
        </a:p>
        <a:p>
          <a:pPr eaLnBrk="1" fontAlgn="auto" latinLnBrk="0" hangingPunct="1"/>
          <a:r>
            <a:rPr lang="en-GB" sz="1000" b="0" baseline="0">
              <a:solidFill>
                <a:schemeClr val="dk1"/>
              </a:solidFill>
              <a:effectLst/>
              <a:latin typeface="+mn-lt"/>
              <a:ea typeface="+mn-ea"/>
              <a:cs typeface="+mn-cs"/>
            </a:rPr>
            <a:t>To facilitate responses on this sheet, users can manually enter these values in the Dialogue table (left) or select the list and copy-paste </a:t>
          </a:r>
          <a:r>
            <a:rPr lang="en-GB" sz="1000" b="1" baseline="0">
              <a:solidFill>
                <a:schemeClr val="dk1"/>
              </a:solidFill>
              <a:effectLst/>
              <a:latin typeface="+mn-lt"/>
              <a:ea typeface="+mn-ea"/>
              <a:cs typeface="+mn-cs"/>
            </a:rPr>
            <a:t>as value</a:t>
          </a:r>
          <a:r>
            <a:rPr lang="en-GB" sz="1000" b="0" baseline="0">
              <a:solidFill>
                <a:schemeClr val="dk1"/>
              </a:solidFill>
              <a:effectLst/>
              <a:latin typeface="+mn-lt"/>
              <a:ea typeface="+mn-ea"/>
              <a:cs typeface="+mn-cs"/>
            </a:rPr>
            <a:t>. It is important to </a:t>
          </a:r>
          <a:r>
            <a:rPr lang="en-GB" sz="1000" b="1" baseline="0">
              <a:solidFill>
                <a:schemeClr val="dk1"/>
              </a:solidFill>
              <a:effectLst/>
              <a:latin typeface="+mn-lt"/>
              <a:ea typeface="+mn-ea"/>
              <a:cs typeface="+mn-cs"/>
            </a:rPr>
            <a:t>Paste As Value</a:t>
          </a:r>
          <a:r>
            <a:rPr lang="en-GB" sz="1000" b="0" baseline="0">
              <a:solidFill>
                <a:schemeClr val="dk1"/>
              </a:solidFill>
              <a:effectLst/>
              <a:latin typeface="+mn-lt"/>
              <a:ea typeface="+mn-ea"/>
              <a:cs typeface="+mn-cs"/>
            </a:rPr>
            <a:t>, so the values are pasted rather than the function providing the list.</a:t>
          </a:r>
        </a:p>
      </xdr:txBody>
    </xdr:sp>
    <xdr:clientData/>
  </xdr:twoCellAnchor>
</xdr:wsDr>
</file>

<file path=xl/drawings/drawing4.xml><?xml version="1.0" encoding="utf-8"?>
<xdr:wsDr xmlns:xdr="http://schemas.openxmlformats.org/drawingml/2006/spreadsheetDrawing" xmlns:a="http://schemas.openxmlformats.org/drawingml/2006/main">
  <xdr:twoCellAnchor>
    <xdr:from>
      <xdr:col>0</xdr:col>
      <xdr:colOff>147636</xdr:colOff>
      <xdr:row>9</xdr:row>
      <xdr:rowOff>66675</xdr:rowOff>
    </xdr:from>
    <xdr:to>
      <xdr:col>1</xdr:col>
      <xdr:colOff>2781299</xdr:colOff>
      <xdr:row>11</xdr:row>
      <xdr:rowOff>14288</xdr:rowOff>
    </xdr:to>
    <xdr:sp macro="" textlink="">
      <xdr:nvSpPr>
        <xdr:cNvPr id="2" name="TextBox 1">
          <a:extLst>
            <a:ext uri="{FF2B5EF4-FFF2-40B4-BE49-F238E27FC236}">
              <a16:creationId xmlns:a16="http://schemas.microsoft.com/office/drawing/2014/main" id="{803B5A3E-86C8-2058-8BD4-D9B77B1F59FA}"/>
            </a:ext>
          </a:extLst>
        </xdr:cNvPr>
        <xdr:cNvSpPr txBox="1"/>
      </xdr:nvSpPr>
      <xdr:spPr>
        <a:xfrm>
          <a:off x="147636" y="1795463"/>
          <a:ext cx="2786063" cy="290513"/>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100" b="1" i="1">
              <a:latin typeface="Times New Roman" panose="02020603050405020304" pitchFamily="18" charset="0"/>
              <a:cs typeface="Times New Roman" panose="02020603050405020304" pitchFamily="18" charset="0"/>
            </a:rPr>
            <a:t>USER NOTE: </a:t>
          </a:r>
          <a:r>
            <a:rPr lang="en-GB" sz="1100" i="1">
              <a:latin typeface="Times New Roman" panose="02020603050405020304" pitchFamily="18" charset="0"/>
              <a:cs typeface="Times New Roman" panose="02020603050405020304" pitchFamily="18" charset="0"/>
            </a:rPr>
            <a:t>If needed, insert new rows.</a:t>
          </a:r>
        </a:p>
      </xdr:txBody>
    </xdr:sp>
    <xdr:clientData/>
  </xdr:twoCellAnchor>
  <xdr:twoCellAnchor>
    <xdr:from>
      <xdr:col>1</xdr:col>
      <xdr:colOff>28575</xdr:colOff>
      <xdr:row>1</xdr:row>
      <xdr:rowOff>57150</xdr:rowOff>
    </xdr:from>
    <xdr:to>
      <xdr:col>3</xdr:col>
      <xdr:colOff>895350</xdr:colOff>
      <xdr:row>1</xdr:row>
      <xdr:rowOff>847725</xdr:rowOff>
    </xdr:to>
    <xdr:sp macro="" textlink="">
      <xdr:nvSpPr>
        <xdr:cNvPr id="3" name="TextBox 2">
          <a:extLst>
            <a:ext uri="{FF2B5EF4-FFF2-40B4-BE49-F238E27FC236}">
              <a16:creationId xmlns:a16="http://schemas.microsoft.com/office/drawing/2014/main" id="{AA794AE2-2526-39DB-EF76-915CCACA5D64}"/>
            </a:ext>
          </a:extLst>
        </xdr:cNvPr>
        <xdr:cNvSpPr txBox="1"/>
      </xdr:nvSpPr>
      <xdr:spPr>
        <a:xfrm>
          <a:off x="180975" y="314325"/>
          <a:ext cx="8086725" cy="790575"/>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050" b="1" baseline="0">
              <a:solidFill>
                <a:schemeClr val="dk1"/>
              </a:solidFill>
              <a:effectLst/>
              <a:latin typeface="+mn-lt"/>
              <a:ea typeface="+mn-ea"/>
              <a:cs typeface="+mn-cs"/>
            </a:rPr>
            <a:t>CARBON MANAGEMENT:</a:t>
          </a:r>
          <a:r>
            <a:rPr lang="en-GB" sz="1050" b="0" baseline="0">
              <a:solidFill>
                <a:schemeClr val="dk1"/>
              </a:solidFill>
              <a:effectLst/>
              <a:latin typeface="+mn-lt"/>
              <a:ea typeface="+mn-ea"/>
              <a:cs typeface="+mn-cs"/>
            </a:rPr>
            <a:t> Where projects have aspirations for carbon reductions, or a third-party assesses a risk in an assessment, this may result in some disagreement between assessors and reviewers. To facilitate managing any risks and opportunities, the Carbon Management tab is provided. Note that such a practice does not have to be limited to the third-party review process. Project teams looking to go beyond simply assessing their carbon, and looking to manage carbon risks and opportunities, may proactively implement such a tool.</a:t>
          </a:r>
          <a:endParaRPr lang="en-GB" sz="1050"/>
        </a:p>
      </xdr:txBody>
    </xdr:sp>
    <xdr:clientData/>
  </xdr:twoCellAnchor>
</xdr:wsDr>
</file>

<file path=xl/drawings/drawing5.xml><?xml version="1.0" encoding="utf-8"?>
<xdr:wsDr xmlns:xdr="http://schemas.openxmlformats.org/drawingml/2006/spreadsheetDrawing" xmlns:a="http://schemas.openxmlformats.org/drawingml/2006/main">
  <xdr:twoCellAnchor>
    <xdr:from>
      <xdr:col>0</xdr:col>
      <xdr:colOff>76200</xdr:colOff>
      <xdr:row>0</xdr:row>
      <xdr:rowOff>76201</xdr:rowOff>
    </xdr:from>
    <xdr:to>
      <xdr:col>8</xdr:col>
      <xdr:colOff>403860</xdr:colOff>
      <xdr:row>0</xdr:row>
      <xdr:rowOff>1596391</xdr:rowOff>
    </xdr:to>
    <xdr:sp macro="" textlink="">
      <xdr:nvSpPr>
        <xdr:cNvPr id="2" name="TextBox 1">
          <a:extLst>
            <a:ext uri="{FF2B5EF4-FFF2-40B4-BE49-F238E27FC236}">
              <a16:creationId xmlns:a16="http://schemas.microsoft.com/office/drawing/2014/main" id="{8B5FB954-0346-8966-D705-4615121711E2}"/>
            </a:ext>
          </a:extLst>
        </xdr:cNvPr>
        <xdr:cNvSpPr txBox="1"/>
      </xdr:nvSpPr>
      <xdr:spPr>
        <a:xfrm>
          <a:off x="76200" y="76201"/>
          <a:ext cx="6568440" cy="1520190"/>
        </a:xfrm>
        <a:prstGeom prst="rect">
          <a:avLst/>
        </a:prstGeom>
        <a:solidFill>
          <a:schemeClr val="lt1"/>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100" b="1">
              <a:solidFill>
                <a:srgbClr val="505050"/>
              </a:solidFill>
              <a:effectLst/>
              <a:latin typeface="+mn-lt"/>
              <a:ea typeface="+mn-ea"/>
              <a:cs typeface="+mn-cs"/>
            </a:rPr>
            <a:t>Lists:</a:t>
          </a:r>
          <a:r>
            <a:rPr lang="en-GB" sz="1100" baseline="0">
              <a:solidFill>
                <a:srgbClr val="505050"/>
              </a:solidFill>
              <a:effectLst/>
              <a:latin typeface="+mn-lt"/>
              <a:ea typeface="+mn-ea"/>
              <a:cs typeface="+mn-cs"/>
            </a:rPr>
            <a:t> </a:t>
          </a:r>
          <a:r>
            <a:rPr lang="en-GB" sz="1100">
              <a:solidFill>
                <a:srgbClr val="505050"/>
              </a:solidFill>
              <a:effectLst/>
              <a:latin typeface="+mn-lt"/>
              <a:ea typeface="+mn-ea"/>
              <a:cs typeface="+mn-cs"/>
            </a:rPr>
            <a:t>includes the Driver table and Status code table, referenced in the Initiating Comment List sheet.</a:t>
          </a:r>
        </a:p>
        <a:p>
          <a:r>
            <a:rPr lang="en-GB" sz="1100">
              <a:solidFill>
                <a:srgbClr val="505050"/>
              </a:solidFill>
              <a:effectLst/>
              <a:latin typeface="+mn-lt"/>
              <a:ea typeface="+mn-ea"/>
              <a:cs typeface="+mn-cs"/>
            </a:rPr>
            <a:t>The Status Codes are not to be changed.</a:t>
          </a:r>
        </a:p>
        <a:p>
          <a:endParaRPr lang="en-GB" sz="1100">
            <a:solidFill>
              <a:srgbClr val="505050"/>
            </a:solidFill>
            <a:effectLst/>
            <a:latin typeface="+mn-lt"/>
            <a:ea typeface="+mn-ea"/>
            <a:cs typeface="+mn-cs"/>
          </a:endParaRPr>
        </a:p>
        <a:p>
          <a:r>
            <a:rPr lang="en-GB" sz="1100">
              <a:solidFill>
                <a:srgbClr val="505050"/>
              </a:solidFill>
              <a:effectLst/>
              <a:latin typeface="+mn-lt"/>
              <a:ea typeface="+mn-ea"/>
              <a:cs typeface="+mn-cs"/>
            </a:rPr>
            <a:t>The Driver list remains accessible in case any party identifies a bespoke need for this resource, e.g. third-party reviews for client purposes, independent of GLA or City of London planning purposes. </a:t>
          </a:r>
        </a:p>
        <a:p>
          <a:endParaRPr lang="en-GB" sz="1100">
            <a:solidFill>
              <a:srgbClr val="505050"/>
            </a:solidFill>
            <a:effectLst/>
            <a:latin typeface="+mn-lt"/>
            <a:ea typeface="+mn-ea"/>
            <a:cs typeface="+mn-cs"/>
          </a:endParaRPr>
        </a:p>
        <a:p>
          <a:r>
            <a:rPr lang="en-GB" sz="1100">
              <a:solidFill>
                <a:srgbClr val="505050"/>
              </a:solidFill>
              <a:effectLst/>
              <a:latin typeface="+mn-lt"/>
              <a:ea typeface="+mn-ea"/>
              <a:cs typeface="+mn-cs"/>
            </a:rPr>
            <a:t>For GLA and City of London review purposes, the Driver list </a:t>
          </a:r>
          <a:r>
            <a:rPr lang="en-GB" sz="1100" b="1">
              <a:solidFill>
                <a:srgbClr val="505050"/>
              </a:solidFill>
              <a:effectLst/>
              <a:latin typeface="+mn-lt"/>
              <a:ea typeface="+mn-ea"/>
              <a:cs typeface="+mn-cs"/>
            </a:rPr>
            <a:t>should not be changed by end-users.</a:t>
          </a:r>
          <a:r>
            <a:rPr lang="en-GB" sz="1100">
              <a:solidFill>
                <a:srgbClr val="505050"/>
              </a:solidFill>
              <a:effectLst/>
              <a:latin typeface="+mn-lt"/>
              <a:ea typeface="+mn-ea"/>
              <a:cs typeface="+mn-cs"/>
            </a:rPr>
            <a:t> This is to maintain consistency in the data the City of London collects over time</a:t>
          </a:r>
          <a:endParaRPr lang="en-GB" sz="1100">
            <a:solidFill>
              <a:srgbClr val="505050"/>
            </a:solidFill>
          </a:endParaRPr>
        </a:p>
      </xdr:txBody>
    </xdr:sp>
    <xdr:clientData/>
  </xdr:twoCellAnchor>
</xdr:wsDr>
</file>

<file path=xl/namedSheetViews/namedSheetView1.xml><?xml version="1.0" encoding="utf-8"?>
<namedSheetViews xmlns="http://schemas.microsoft.com/office/spreadsheetml/2019/namedsheetviews" xmlns:x="http://schemas.openxmlformats.org/spreadsheetml/2006/main" xmlns:mc="http://schemas.openxmlformats.org/markup-compatibility/2006" xmlns:x14="http://schemas.microsoft.com/office/spreadsheetml/2009/9/main" mc:Ignorable="x14">
  <namedSheetView name="Response Dialogue - Default Sort" id="{013DB706-2018-4B80-801A-DC92F07E4787}">
    <nsvFilter filterId="{71E8DA84-EBC0-42B9-BA6F-3FA6E7A65F20}" ref="A4:F491" tableId="2">
      <sortRules>
        <sortRule colId="0" id="{C09EEA62-5432-45B5-B952-936A01DE7C97}">
          <sortCondition ref="A4:A491"/>
        </sortRule>
        <sortRule colId="4" id="{A3D2FBAF-4B20-4406-9EA5-FBB8F5C1DD23}">
          <sortCondition ref="E4:E491"/>
        </sortRule>
      </sortRules>
    </nsvFilter>
  </namedSheetView>
</namedSheetView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3" xr:uid="{786057C3-F6BB-4CEE-914F-F003ADDCCC04}" name="Tbl_Parameters" displayName="Tbl_Parameters" ref="A1:C7" totalsRowShown="0">
  <autoFilter ref="A1:C7" xr:uid="{786057C3-F6BB-4CEE-914F-F003ADDCCC04}">
    <filterColumn colId="0" hiddenButton="1"/>
    <filterColumn colId="1" hiddenButton="1"/>
    <filterColumn colId="2" hiddenButton="1"/>
  </autoFilter>
  <tableColumns count="3">
    <tableColumn id="1" xr3:uid="{B3B5C477-F60D-409E-9E3E-DC5E490D79BB}" name="Parameter" dataDxfId="37"/>
    <tableColumn id="2" xr3:uid="{601890B6-F549-4C99-92D1-7AB07450D9C1}" name="Value" dataDxfId="36"/>
    <tableColumn id="3" xr3:uid="{12E22924-CB74-45FB-B690-C491B2DDE542}" name="Supplementary Information"/>
  </tableColumns>
  <tableStyleInfo name="TableStyleLight8"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E5124306-0278-4904-9CE7-51D414E015DD}" name="Tbl_Comments" displayName="Tbl_Comments" ref="A3:G150" totalsRowShown="0" headerRowDxfId="31" dataDxfId="30">
  <autoFilter ref="A3:G150" xr:uid="{E5124306-0278-4904-9CE7-51D414E015DD}"/>
  <sortState xmlns:xlrd2="http://schemas.microsoft.com/office/spreadsheetml/2017/richdata2" ref="A4:G118">
    <sortCondition ref="A3:A118"/>
  </sortState>
  <tableColumns count="7">
    <tableColumn id="1" xr3:uid="{45CBB05C-BCCC-4E61-97C5-44C27080117B}" name="Comment ID" dataDxfId="29" dataCellStyle="Comma">
      <calculatedColumnFormula array="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calculatedColumnFormula>
    </tableColumn>
    <tableColumn id="2" xr3:uid="{B2D9E848-A1D5-4EAD-9FD1-88F1E5E2F1F5}" name="Comment" dataDxfId="28"/>
    <tableColumn id="8" xr3:uid="{1EFDCD57-8368-47B5-B1B2-BD4B979C3ECE}" name="Driver" dataDxfId="27"/>
    <tableColumn id="3" xr3:uid="{07C446B7-ED82-41DA-B4E5-1111244CDF27}" name="Opening Status" dataDxfId="26"/>
    <tableColumn id="5" xr3:uid="{DD4AEB7C-6D55-4254-9854-5B7C880FF107}" name="Opening Date" dataDxfId="25"/>
    <tableColumn id="4" xr3:uid="{4D0F6CF4-A3C1-4CC5-ABF0-4E9AD5850A4A}" name="Latest Status" dataDxfId="24">
      <calculatedColumnFormula array="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calculatedColumnFormula>
    </tableColumn>
    <tableColumn id="6" xr3:uid="{1B19F1B1-997E-44F6-BFB6-0D0A7CC899B4}" name="Latest date" dataDxfId="23">
      <calculatedColumnFormula>IF(MAX(_xlfn.MAXIFS(Tbl_Dialogue[Date], Tbl_Dialogue[Comment ID], Tbl_Comments[[#This Row],[Comment ID]]), Tbl_Comments[[#This Row],[Opening Date]])=0, "", MAX(_xlfn.MAXIFS(Tbl_Dialogue[Date], Tbl_Dialogue[Comment ID], Tbl_Comments[[#This Row],[Comment ID]]), Tbl_Comments[[#This Row],[Opening Date]]))</calculatedColumnFormula>
    </tableColumn>
  </tableColumns>
  <tableStyleInfo name="TableStyleLight8" showFirstColumn="0" showLastColumn="0" showRowStripes="1" showColumnStripes="0"/>
</table>
</file>

<file path=xl/tables/table3.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71E8DA84-EBC0-42B9-BA6F-3FA6E7A65F20}" name="Tbl_Dialogue" displayName="Tbl_Dialogue" ref="A4:F491" totalsRowShown="0" headerRowDxfId="17" dataDxfId="16">
  <autoFilter ref="A4:F491" xr:uid="{71E8DA84-EBC0-42B9-BA6F-3FA6E7A65F20}"/>
  <sortState xmlns:xlrd2="http://schemas.microsoft.com/office/spreadsheetml/2017/richdata2" ref="A5:F491">
    <sortCondition ref="A4:A491"/>
    <sortCondition ref="E4:E491"/>
  </sortState>
  <tableColumns count="6">
    <tableColumn id="1" xr3:uid="{C09EEA62-5432-45B5-B952-936A01DE7C97}" name="Comment ID" dataDxfId="15" dataCellStyle="Comma"/>
    <tableColumn id="7" xr3:uid="{CE356679-B242-4BAB-A493-DB1C8B2A3703}" name="Comment" dataDxfId="14">
      <calculatedColumnFormula>IF(Tbl_Dialogue[[#This Row],[Comment ID]]&lt;&gt;"",_xlfn.XLOOKUP(TEXT(Tbl_Dialogue[[#This Row],[Comment ID]],0),Tbl_Comments[Comment ID],Tbl_Comments[Comment],""),"")</calculatedColumnFormula>
    </tableColumn>
    <tableColumn id="2" xr3:uid="{FDD39ED0-437B-4797-9919-2BF955CDE98A}" name="Responder" dataDxfId="13"/>
    <tableColumn id="4" xr3:uid="{8E742539-468D-4965-B3F0-A39B09A9B75C}" name="Response" dataDxfId="12"/>
    <tableColumn id="5" xr3:uid="{A3D2FBAF-4B20-4406-9EA5-FBB8F5C1DD23}" name="Date" dataDxfId="11"/>
    <tableColumn id="6" xr3:uid="{4490F6D1-5560-4BBD-9692-1C43A8AADF05}" name="Status" dataDxfId="10"/>
  </tableColumns>
  <tableStyleInfo name="TableStyleLight8" showFirstColumn="0" showLastColumn="0" showRowStripes="1" showColumnStripes="0"/>
</table>
</file>

<file path=xl/tables/table4.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4" xr:uid="{2C13897F-31C8-497A-AA10-5BD1EA7A2035}" name="Table4" displayName="Table4" ref="B3:G9" totalsRowShown="0" dataDxfId="9">
  <autoFilter ref="B3:G9" xr:uid="{2C13897F-31C8-497A-AA10-5BD1EA7A2035}">
    <filterColumn colId="0" hiddenButton="1"/>
    <filterColumn colId="1" hiddenButton="1"/>
    <filterColumn colId="2" hiddenButton="1"/>
    <filterColumn colId="3" hiddenButton="1"/>
    <filterColumn colId="4" hiddenButton="1"/>
    <filterColumn colId="5" hiddenButton="1"/>
  </autoFilter>
  <tableColumns count="6">
    <tableColumn id="1" xr3:uid="{5AE440E0-4A2C-4890-9E10-3B9187597C89}" name="Risk/Opportunity" dataDxfId="8"/>
    <tableColumn id="6" xr3:uid="{6C0BAF30-C054-4C69-B4B6-EB40FD1DAEE6}" name="Estimated Up-front (A1-A5) Impact_x000a_(+/-, kgCO2e)" dataDxfId="7"/>
    <tableColumn id="2" xr3:uid="{532F5733-6D59-490F-AFC4-D6B3F880B0A6}" name="Estimated Whole-life (A-C) Impact_x000a_(+/-, kgCO2e)" dataDxfId="6"/>
    <tableColumn id="3" xr3:uid="{0C07E6CD-B2C0-4C34-95EC-4A9A34386903}" name="Lead Managing Party" dataDxfId="5"/>
    <tableColumn id="4" xr3:uid="{F9731265-F7DF-4DA8-B4E1-9D2818E98AE8}" name="Critical Stage" dataDxfId="4"/>
    <tableColumn id="5" xr3:uid="{E5D4C51B-A735-4233-AE1C-9BD26FAB3F75}" name="Related Review Comment" dataDxfId="3"/>
  </tableColumns>
  <tableStyleInfo name="TableStyleLight8" showFirstColumn="0" showLastColumn="0" showRowStripes="1" showColumnStripes="0"/>
</table>
</file>

<file path=xl/tables/table5.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5" xr:uid="{A8E599FC-6A9F-4F91-9ED7-D99B19A53AD2}" name="Tbl_RelevanceLabels" displayName="Tbl_RelevanceLabels" ref="A2:A8" totalsRowShown="0">
  <autoFilter ref="A2:A8" xr:uid="{A8E599FC-6A9F-4F91-9ED7-D99B19A53AD2}">
    <filterColumn colId="0" hiddenButton="1"/>
  </autoFilter>
  <tableColumns count="1">
    <tableColumn id="1" xr3:uid="{FD108660-9281-4841-9632-872F3763691C}" name="DRIVER"/>
  </tableColumns>
  <tableStyleInfo name="TableStyleLight1" showFirstColumn="0" showLastColumn="0" showRowStripes="1" showColumnStripes="0"/>
</table>
</file>

<file path=xl/tables/table6.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6" xr:uid="{5244BA54-A159-47AE-AC43-E521ABD80DD4}" name="Tbl_StatusLabels" displayName="Tbl_StatusLabels" ref="C2:C6" totalsRowShown="0" headerRowDxfId="2" dataDxfId="1">
  <autoFilter ref="C2:C6" xr:uid="{5244BA54-A159-47AE-AC43-E521ABD80DD4}">
    <filterColumn colId="0" hiddenButton="1"/>
  </autoFilter>
  <tableColumns count="1">
    <tableColumn id="1" xr3:uid="{DC66176A-E215-47C9-A72C-62DF6D46636C}" name="STATUS" dataDxfId="0"/>
  </tableColumns>
  <tableStyleInfo name="TableStyleLight1" showFirstColumn="0" showLastColumn="0" showRowStripes="1" showColumnStripes="0"/>
</table>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 dockstate="right" visibility="0" width="350" row="8">
    <wetp:webextensionref xmlns:r="http://schemas.openxmlformats.org/officeDocument/2006/relationships" r:id="rId2"/>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ebextensions/webextension2.xml><?xml version="1.0" encoding="utf-8"?>
<we:webextension xmlns:we="http://schemas.microsoft.com/office/webextensions/webextension/2010/11" id="{5CF07737-8E86-4006-875A-D8BD48E4F750}">
  <we:reference id="595cf913-d9c2-4888-8758-23443cd8d183" version="1.1.0.0"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table" Target="../tables/table1.xml"/><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3" Type="http://schemas.openxmlformats.org/officeDocument/2006/relationships/vmlDrawing" Target="../drawings/vmlDrawing1.vml"/><Relationship Id="rId2" Type="http://schemas.openxmlformats.org/officeDocument/2006/relationships/drawing" Target="../drawings/drawing2.xml"/><Relationship Id="rId1" Type="http://schemas.openxmlformats.org/officeDocument/2006/relationships/printerSettings" Target="../printerSettings/printerSettings3.bin"/><Relationship Id="rId4" Type="http://schemas.openxmlformats.org/officeDocument/2006/relationships/table" Target="../tables/table2.xml"/></Relationships>
</file>

<file path=xl/worksheets/_rels/sheet4.xml.rels><?xml version="1.0" encoding="UTF-8" standalone="yes"?>
<Relationships xmlns="http://schemas.openxmlformats.org/package/2006/relationships"><Relationship Id="rId3" Type="http://schemas.openxmlformats.org/officeDocument/2006/relationships/table" Target="../tables/table3.xml"/><Relationship Id="rId2" Type="http://schemas.openxmlformats.org/officeDocument/2006/relationships/drawing" Target="../drawings/drawing3.xml"/><Relationship Id="rId1" Type="http://schemas.openxmlformats.org/officeDocument/2006/relationships/printerSettings" Target="../printerSettings/printerSettings4.bin"/><Relationship Id="rId4" Type="http://schemas.microsoft.com/office/2019/04/relationships/namedSheetView" Target="../namedSheetViews/namedSheetView1.xml"/></Relationships>
</file>

<file path=xl/worksheets/_rels/sheet5.xml.rels><?xml version="1.0" encoding="UTF-8" standalone="yes"?>
<Relationships xmlns="http://schemas.openxmlformats.org/package/2006/relationships"><Relationship Id="rId3" Type="http://schemas.openxmlformats.org/officeDocument/2006/relationships/table" Target="../tables/table4.xml"/><Relationship Id="rId2" Type="http://schemas.openxmlformats.org/officeDocument/2006/relationships/drawing" Target="../drawings/drawing4.xml"/><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3" Type="http://schemas.openxmlformats.org/officeDocument/2006/relationships/table" Target="../tables/table5.xml"/><Relationship Id="rId2" Type="http://schemas.openxmlformats.org/officeDocument/2006/relationships/drawing" Target="../drawings/drawing5.xml"/><Relationship Id="rId1" Type="http://schemas.openxmlformats.org/officeDocument/2006/relationships/printerSettings" Target="../printerSettings/printerSettings6.bin"/><Relationship Id="rId4" Type="http://schemas.openxmlformats.org/officeDocument/2006/relationships/table" Target="../tables/table6.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87E17D-1DE8-401A-BC9D-9E7BB3052EEC}">
  <sheetPr>
    <tabColor theme="0" tint="-0.34998626667073579"/>
  </sheetPr>
  <dimension ref="A1:R14"/>
  <sheetViews>
    <sheetView showGridLines="0" zoomScaleNormal="85" workbookViewId="0">
      <selection activeCell="A10" sqref="A10:XFD10"/>
    </sheetView>
  </sheetViews>
  <sheetFormatPr defaultRowHeight="14.1"/>
  <cols>
    <col min="1" max="1" width="9" customWidth="1"/>
  </cols>
  <sheetData>
    <row r="1" spans="1:18" ht="27" customHeight="1">
      <c r="A1" s="23" t="s">
        <v>0</v>
      </c>
    </row>
    <row r="2" spans="1:18" ht="57.75" customHeight="1">
      <c r="A2" s="23"/>
    </row>
    <row r="14" spans="1:18">
      <c r="R14" s="1"/>
    </row>
  </sheetData>
  <sheetProtection algorithmName="SHA-512" hashValue="OUObezX0BCvsN3+TcEiHmrUxHuhQ1lR6Ww3nR86CkEYOK/8sI5l7e+3iuVk5VaPco+17L+n17XzkLDZHUKpoUw==" saltValue="45lblJkWxsnYWlSlDI9otQ==" spinCount="100000" sheet="1" objects="1" scenarios="1"/>
  <pageMargins left="0.7" right="0.7" top="0.75" bottom="0.75" header="0.3" footer="0.3"/>
  <pageSetup paperSize="8" orientation="landscape" r:id="rId1"/>
  <headerFooter>
    <oddHeader>&amp;L&amp;</oddHeader>
  </headerFooter>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AAC7EE-49D2-47D6-8A50-CFC77B21C670}">
  <dimension ref="A1:C7"/>
  <sheetViews>
    <sheetView showGridLines="0" zoomScaleNormal="100" workbookViewId="0">
      <selection activeCell="A5" sqref="A5"/>
    </sheetView>
  </sheetViews>
  <sheetFormatPr defaultRowHeight="14.1"/>
  <cols>
    <col min="1" max="1" width="33.5" customWidth="1"/>
    <col min="2" max="2" width="37.25" customWidth="1"/>
    <col min="3" max="3" width="61" customWidth="1"/>
  </cols>
  <sheetData>
    <row r="1" spans="1:3" ht="14.45">
      <c r="A1" t="s">
        <v>1</v>
      </c>
      <c r="B1" t="s">
        <v>2</v>
      </c>
      <c r="C1" s="21" t="s">
        <v>3</v>
      </c>
    </row>
    <row r="2" spans="1:3" ht="14.45">
      <c r="A2" s="29" t="s">
        <v>4</v>
      </c>
      <c r="B2" s="3" t="s">
        <v>5</v>
      </c>
      <c r="C2" s="30" t="s">
        <v>6</v>
      </c>
    </row>
    <row r="3" spans="1:3" ht="71.099999999999994">
      <c r="A3" s="29" t="s">
        <v>7</v>
      </c>
      <c r="B3" s="3" t="s">
        <v>8</v>
      </c>
      <c r="C3" s="20" t="s">
        <v>9</v>
      </c>
    </row>
    <row r="4" spans="1:3">
      <c r="A4" s="29" t="s">
        <v>10</v>
      </c>
      <c r="B4" s="3" t="s">
        <v>11</v>
      </c>
      <c r="C4" s="31" t="s">
        <v>6</v>
      </c>
    </row>
    <row r="5" spans="1:3" ht="30.95">
      <c r="A5" s="29" t="s">
        <v>12</v>
      </c>
      <c r="B5" s="3" t="s">
        <v>13</v>
      </c>
      <c r="C5" s="32" t="s">
        <v>14</v>
      </c>
    </row>
    <row r="6" spans="1:3">
      <c r="A6" s="29" t="s">
        <v>15</v>
      </c>
      <c r="B6" s="3" t="s">
        <v>11</v>
      </c>
      <c r="C6" s="31" t="s">
        <v>6</v>
      </c>
    </row>
    <row r="7" spans="1:3" ht="69.95">
      <c r="A7" s="29" t="s">
        <v>16</v>
      </c>
      <c r="B7" s="16" t="s">
        <v>17</v>
      </c>
      <c r="C7" s="20" t="s">
        <v>18</v>
      </c>
    </row>
  </sheetData>
  <sheetProtection algorithmName="SHA-512" hashValue="DJhcepOSOmP5TqoQtWE2nepP5PR/FYufWmvSS2Pk+biAHZsf2Ch+XwvEnRtLErZ+41x7FiNRZC95q4qlh7R43A==" saltValue="/OL2ctD46RROUiKGuFlW4g==" spinCount="100000" sheet="1" objects="1" scenarios="1"/>
  <pageMargins left="0.7" right="0.7" top="0.75" bottom="0.75" header="0.3" footer="0.3"/>
  <pageSetup paperSize="9" orientation="portrait" r:id="rId1"/>
  <headerFooter>
    <oddHeader>&amp;L&amp;</oddHeader>
  </headerFooter>
  <tableParts count="1">
    <tablePart r:id="rId2"/>
  </tablePart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3E36C2D-0247-49A2-B1F5-876F963EDA2B}">
  <sheetPr>
    <tabColor rgb="FF00B050"/>
  </sheetPr>
  <dimension ref="A1:H206"/>
  <sheetViews>
    <sheetView showGridLines="0" tabSelected="1" zoomScale="115" zoomScaleNormal="115" workbookViewId="0">
      <pane ySplit="3" topLeftCell="A188" activePane="bottomLeft" state="frozen"/>
      <selection pane="bottomLeft" activeCell="C100" sqref="C100"/>
    </sheetView>
  </sheetViews>
  <sheetFormatPr defaultRowHeight="14.1" outlineLevelRow="1" outlineLevelCol="1"/>
  <cols>
    <col min="1" max="1" width="15.25" customWidth="1"/>
    <col min="2" max="2" width="66" style="3" customWidth="1"/>
    <col min="3" max="3" width="18.5" style="3" customWidth="1"/>
    <col min="4" max="5" width="18.375" style="3" customWidth="1"/>
    <col min="6" max="6" width="18.375" customWidth="1"/>
    <col min="7" max="7" width="18.375" hidden="1" customWidth="1" outlineLevel="1"/>
    <col min="8" max="8" width="9" collapsed="1"/>
  </cols>
  <sheetData>
    <row r="1" spans="1:7" ht="20.25" customHeight="1">
      <c r="A1" s="18" t="s">
        <v>19</v>
      </c>
    </row>
    <row r="2" spans="1:7" ht="173.45" customHeight="1" outlineLevel="1"/>
    <row r="3" spans="1:7">
      <c r="A3" s="24" t="s">
        <v>20</v>
      </c>
      <c r="B3" s="24" t="s">
        <v>21</v>
      </c>
      <c r="C3" s="24" t="s">
        <v>22</v>
      </c>
      <c r="D3" s="24" t="s">
        <v>23</v>
      </c>
      <c r="E3" s="24" t="s">
        <v>24</v>
      </c>
      <c r="F3" s="24" t="s">
        <v>25</v>
      </c>
      <c r="G3" s="24" t="s">
        <v>26</v>
      </c>
    </row>
    <row r="4" spans="1:7" ht="57.6">
      <c r="A4" s="26" t="str" cm="1">
        <f t="array" aca="1" ref="A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01</v>
      </c>
      <c r="B4" s="8" t="s">
        <v>27</v>
      </c>
      <c r="C4" s="8" t="s">
        <v>28</v>
      </c>
      <c r="D4" s="2"/>
      <c r="E4" s="4"/>
      <c r="F4" s="28" t="str" cm="1">
        <f t="array" aca="1" ref="F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 s="7" t="str">
        <f ca="1">IF(MAX(_xlfn.MAXIFS(Tbl_Dialogue[Date], Tbl_Dialogue[Comment ID], Tbl_Comments[[#This Row],[Comment ID]]), Tbl_Comments[[#This Row],[Opening Date]])=0, "", MAX(_xlfn.MAXIFS(Tbl_Dialogue[Date], Tbl_Dialogue[Comment ID], Tbl_Comments[[#This Row],[Comment ID]]), Tbl_Comments[[#This Row],[Opening Date]]))</f>
        <v/>
      </c>
    </row>
    <row r="5" spans="1:7" ht="34.5">
      <c r="A5" s="26" t="str" cm="1">
        <f t="array" aca="1" ref="A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02</v>
      </c>
      <c r="B5" s="8" t="s">
        <v>29</v>
      </c>
      <c r="C5" s="8" t="s">
        <v>28</v>
      </c>
      <c r="D5" s="2"/>
      <c r="E5" s="4"/>
      <c r="F5" s="28" t="str" cm="1">
        <f t="array" aca="1" ref="F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 s="7" t="str">
        <f ca="1">IF(MAX(_xlfn.MAXIFS(Tbl_Dialogue[Date], Tbl_Dialogue[Comment ID], Tbl_Comments[[#This Row],[Comment ID]]), Tbl_Comments[[#This Row],[Opening Date]])=0, "", MAX(_xlfn.MAXIFS(Tbl_Dialogue[Date], Tbl_Dialogue[Comment ID], Tbl_Comments[[#This Row],[Comment ID]]), Tbl_Comments[[#This Row],[Opening Date]]))</f>
        <v/>
      </c>
    </row>
    <row r="6" spans="1:7" ht="23.1">
      <c r="A6" s="26" t="str" cm="1">
        <f t="array" aca="1" ref="A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03</v>
      </c>
      <c r="B6" s="8" t="s">
        <v>30</v>
      </c>
      <c r="C6" s="8" t="s">
        <v>28</v>
      </c>
      <c r="D6" s="2"/>
      <c r="E6" s="4"/>
      <c r="F6" s="28" t="str" cm="1">
        <f t="array" aca="1" ref="F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 s="7" t="str">
        <f ca="1">IF(MAX(_xlfn.MAXIFS(Tbl_Dialogue[Date], Tbl_Dialogue[Comment ID], Tbl_Comments[[#This Row],[Comment ID]]), Tbl_Comments[[#This Row],[Opening Date]])=0, "", MAX(_xlfn.MAXIFS(Tbl_Dialogue[Date], Tbl_Dialogue[Comment ID], Tbl_Comments[[#This Row],[Comment ID]]), Tbl_Comments[[#This Row],[Opening Date]]))</f>
        <v/>
      </c>
    </row>
    <row r="7" spans="1:7" ht="34.5">
      <c r="A7" s="26" t="str" cm="1">
        <f t="array" aca="1" ref="A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04</v>
      </c>
      <c r="B7" s="8" t="s">
        <v>31</v>
      </c>
      <c r="C7" s="8" t="s">
        <v>28</v>
      </c>
      <c r="D7" s="2"/>
      <c r="E7" s="4"/>
      <c r="F7" s="28" t="str" cm="1">
        <f t="array" aca="1" ref="F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 s="7" t="str">
        <f ca="1">IF(MAX(_xlfn.MAXIFS(Tbl_Dialogue[Date], Tbl_Dialogue[Comment ID], Tbl_Comments[[#This Row],[Comment ID]]), Tbl_Comments[[#This Row],[Opening Date]])=0, "", MAX(_xlfn.MAXIFS(Tbl_Dialogue[Date], Tbl_Dialogue[Comment ID], Tbl_Comments[[#This Row],[Comment ID]]), Tbl_Comments[[#This Row],[Opening Date]]))</f>
        <v/>
      </c>
    </row>
    <row r="8" spans="1:7" ht="34.5">
      <c r="A8" s="26" t="str" cm="1">
        <f t="array" aca="1" ref="A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05</v>
      </c>
      <c r="B8" s="8" t="s">
        <v>32</v>
      </c>
      <c r="C8" s="8" t="s">
        <v>28</v>
      </c>
      <c r="D8" s="2"/>
      <c r="E8" s="4"/>
      <c r="F8" s="28" t="str" cm="1">
        <f t="array" aca="1" ref="F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 s="7" t="str">
        <f ca="1">IF(MAX(_xlfn.MAXIFS(Tbl_Dialogue[Date], Tbl_Dialogue[Comment ID], Tbl_Comments[[#This Row],[Comment ID]]), Tbl_Comments[[#This Row],[Opening Date]])=0, "", MAX(_xlfn.MAXIFS(Tbl_Dialogue[Date], Tbl_Dialogue[Comment ID], Tbl_Comments[[#This Row],[Comment ID]]), Tbl_Comments[[#This Row],[Opening Date]]))</f>
        <v/>
      </c>
    </row>
    <row r="9" spans="1:7" ht="34.5">
      <c r="A9" s="26" t="str" cm="1">
        <f t="array" aca="1" ref="A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06</v>
      </c>
      <c r="B9" s="8" t="s">
        <v>33</v>
      </c>
      <c r="C9" s="8" t="s">
        <v>28</v>
      </c>
      <c r="D9" s="2"/>
      <c r="E9" s="4"/>
      <c r="F9" s="28" t="str" cm="1">
        <f t="array" aca="1" ref="F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 s="7" t="str">
        <f ca="1">IF(MAX(_xlfn.MAXIFS(Tbl_Dialogue[Date], Tbl_Dialogue[Comment ID], Tbl_Comments[[#This Row],[Comment ID]]), Tbl_Comments[[#This Row],[Opening Date]])=0, "", MAX(_xlfn.MAXIFS(Tbl_Dialogue[Date], Tbl_Dialogue[Comment ID], Tbl_Comments[[#This Row],[Comment ID]]), Tbl_Comments[[#This Row],[Opening Date]]))</f>
        <v/>
      </c>
    </row>
    <row r="10" spans="1:7" ht="36.75" customHeight="1">
      <c r="A10" s="26" t="str" cm="1">
        <f t="array" aca="1" ref="A1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07</v>
      </c>
      <c r="B10" s="8" t="s">
        <v>34</v>
      </c>
      <c r="C10" s="8" t="s">
        <v>28</v>
      </c>
      <c r="D10" s="2"/>
      <c r="E10" s="4"/>
      <c r="F10" s="28" t="str" cm="1">
        <f t="array" aca="1" ref="F1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 s="7" t="str">
        <f ca="1">IF(MAX(_xlfn.MAXIFS(Tbl_Dialogue[Date], Tbl_Dialogue[Comment ID], Tbl_Comments[[#This Row],[Comment ID]]), Tbl_Comments[[#This Row],[Opening Date]])=0, "", MAX(_xlfn.MAXIFS(Tbl_Dialogue[Date], Tbl_Dialogue[Comment ID], Tbl_Comments[[#This Row],[Comment ID]]), Tbl_Comments[[#This Row],[Opening Date]]))</f>
        <v/>
      </c>
    </row>
    <row r="11" spans="1:7" ht="92.1">
      <c r="A11" s="26" t="str" cm="1">
        <f t="array" aca="1" ref="A1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01</v>
      </c>
      <c r="B11" s="19" t="s">
        <v>35</v>
      </c>
      <c r="C11" s="8" t="s">
        <v>36</v>
      </c>
      <c r="D11" s="2"/>
      <c r="E11" s="4"/>
      <c r="F11" s="28" t="str" cm="1">
        <f t="array" aca="1" ref="F1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 s="7" t="str">
        <f ca="1">IF(MAX(_xlfn.MAXIFS(Tbl_Dialogue[Date], Tbl_Dialogue[Comment ID], Tbl_Comments[[#This Row],[Comment ID]]), Tbl_Comments[[#This Row],[Opening Date]])=0, "", MAX(_xlfn.MAXIFS(Tbl_Dialogue[Date], Tbl_Dialogue[Comment ID], Tbl_Comments[[#This Row],[Comment ID]]), Tbl_Comments[[#This Row],[Opening Date]]))</f>
        <v/>
      </c>
    </row>
    <row r="12" spans="1:7" ht="34.5">
      <c r="A12" s="26" t="str" cm="1">
        <f t="array" aca="1" ref="A1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08</v>
      </c>
      <c r="B12" s="8" t="s">
        <v>37</v>
      </c>
      <c r="C12" s="8" t="s">
        <v>28</v>
      </c>
      <c r="D12" s="2"/>
      <c r="E12" s="4"/>
      <c r="F12" s="28" t="str" cm="1">
        <f t="array" aca="1" ref="F1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2" s="7" t="str">
        <f ca="1">IF(MAX(_xlfn.MAXIFS(Tbl_Dialogue[Date], Tbl_Dialogue[Comment ID], Tbl_Comments[[#This Row],[Comment ID]]), Tbl_Comments[[#This Row],[Opening Date]])=0, "", MAX(_xlfn.MAXIFS(Tbl_Dialogue[Date], Tbl_Dialogue[Comment ID], Tbl_Comments[[#This Row],[Comment ID]]), Tbl_Comments[[#This Row],[Opening Date]]))</f>
        <v/>
      </c>
    </row>
    <row r="13" spans="1:7" ht="69.599999999999994" customHeight="1">
      <c r="A13" s="26" t="str" cm="1">
        <f t="array" aca="1" ref="A1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09</v>
      </c>
      <c r="B13" s="8" t="s">
        <v>38</v>
      </c>
      <c r="C13" s="8" t="s">
        <v>28</v>
      </c>
      <c r="D13" s="2"/>
      <c r="E13" s="4"/>
      <c r="F13" s="28" t="str" cm="1">
        <f t="array" aca="1" ref="F1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3" s="7" t="str">
        <f ca="1">IF(MAX(_xlfn.MAXIFS(Tbl_Dialogue[Date], Tbl_Dialogue[Comment ID], Tbl_Comments[[#This Row],[Comment ID]]), Tbl_Comments[[#This Row],[Opening Date]])=0, "", MAX(_xlfn.MAXIFS(Tbl_Dialogue[Date], Tbl_Dialogue[Comment ID], Tbl_Comments[[#This Row],[Comment ID]]), Tbl_Comments[[#This Row],[Opening Date]]))</f>
        <v/>
      </c>
    </row>
    <row r="14" spans="1:7" ht="60.4" customHeight="1">
      <c r="A14" s="26" t="str" cm="1">
        <f t="array" aca="1" ref="A1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02</v>
      </c>
      <c r="B14" s="19" t="s">
        <v>39</v>
      </c>
      <c r="C14" s="8" t="s">
        <v>36</v>
      </c>
      <c r="D14" s="2"/>
      <c r="E14" s="4"/>
      <c r="F14" s="28" t="str" cm="1">
        <f t="array" aca="1" ref="F1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 s="7" t="str">
        <f ca="1">IF(MAX(_xlfn.MAXIFS(Tbl_Dialogue[Date], Tbl_Dialogue[Comment ID], Tbl_Comments[[#This Row],[Comment ID]]), Tbl_Comments[[#This Row],[Opening Date]])=0, "", MAX(_xlfn.MAXIFS(Tbl_Dialogue[Date], Tbl_Dialogue[Comment ID], Tbl_Comments[[#This Row],[Comment ID]]), Tbl_Comments[[#This Row],[Opening Date]]))</f>
        <v/>
      </c>
    </row>
    <row r="15" spans="1:7" ht="45.95">
      <c r="A15" s="26" t="str" cm="1">
        <f t="array" aca="1" ref="A1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0</v>
      </c>
      <c r="B15" s="8" t="s">
        <v>40</v>
      </c>
      <c r="C15" s="8" t="s">
        <v>28</v>
      </c>
      <c r="D15" s="2"/>
      <c r="E15" s="4"/>
      <c r="F15" s="28" t="str" cm="1">
        <f t="array" aca="1" ref="F1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5" s="7" t="str">
        <f ca="1">IF(MAX(_xlfn.MAXIFS(Tbl_Dialogue[Date], Tbl_Dialogue[Comment ID], Tbl_Comments[[#This Row],[Comment ID]]), Tbl_Comments[[#This Row],[Opening Date]])=0, "", MAX(_xlfn.MAXIFS(Tbl_Dialogue[Date], Tbl_Dialogue[Comment ID], Tbl_Comments[[#This Row],[Comment ID]]), Tbl_Comments[[#This Row],[Opening Date]]))</f>
        <v/>
      </c>
    </row>
    <row r="16" spans="1:7" ht="34.5">
      <c r="A16" s="26" t="str" cm="1">
        <f t="array" aca="1" ref="A1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1</v>
      </c>
      <c r="B16" s="8" t="s">
        <v>41</v>
      </c>
      <c r="C16" s="8" t="s">
        <v>28</v>
      </c>
      <c r="D16" s="2"/>
      <c r="E16" s="4"/>
      <c r="F16" s="28" t="str" cm="1">
        <f t="array" aca="1" ref="F1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6" s="7" t="str">
        <f ca="1">IF(MAX(_xlfn.MAXIFS(Tbl_Dialogue[Date], Tbl_Dialogue[Comment ID], Tbl_Comments[[#This Row],[Comment ID]]), Tbl_Comments[[#This Row],[Opening Date]])=0, "", MAX(_xlfn.MAXIFS(Tbl_Dialogue[Date], Tbl_Dialogue[Comment ID], Tbl_Comments[[#This Row],[Comment ID]]), Tbl_Comments[[#This Row],[Opening Date]]))</f>
        <v/>
      </c>
    </row>
    <row r="17" spans="1:7" ht="34.5">
      <c r="A17" s="26" t="str" cm="1">
        <f t="array" aca="1" ref="A1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2</v>
      </c>
      <c r="B17" s="8" t="s">
        <v>42</v>
      </c>
      <c r="C17" s="8" t="s">
        <v>28</v>
      </c>
      <c r="D17" s="2"/>
      <c r="E17" s="4"/>
      <c r="F17" s="28" t="str" cm="1">
        <f t="array" aca="1" ref="F1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7" s="7" t="str">
        <f ca="1">IF(MAX(_xlfn.MAXIFS(Tbl_Dialogue[Date], Tbl_Dialogue[Comment ID], Tbl_Comments[[#This Row],[Comment ID]]), Tbl_Comments[[#This Row],[Opening Date]])=0, "", MAX(_xlfn.MAXIFS(Tbl_Dialogue[Date], Tbl_Dialogue[Comment ID], Tbl_Comments[[#This Row],[Comment ID]]), Tbl_Comments[[#This Row],[Opening Date]]))</f>
        <v/>
      </c>
    </row>
    <row r="18" spans="1:7" ht="32.25" customHeight="1">
      <c r="A18" s="26" t="str" cm="1">
        <f t="array" aca="1" ref="A1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3</v>
      </c>
      <c r="B18" s="8" t="s">
        <v>43</v>
      </c>
      <c r="C18" s="8" t="s">
        <v>28</v>
      </c>
      <c r="D18" s="2"/>
      <c r="E18" s="4"/>
      <c r="F18" s="28" t="str" cm="1">
        <f t="array" aca="1" ref="F1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8" s="7" t="str">
        <f ca="1">IF(MAX(_xlfn.MAXIFS(Tbl_Dialogue[Date], Tbl_Dialogue[Comment ID], Tbl_Comments[[#This Row],[Comment ID]]), Tbl_Comments[[#This Row],[Opening Date]])=0, "", MAX(_xlfn.MAXIFS(Tbl_Dialogue[Date], Tbl_Dialogue[Comment ID], Tbl_Comments[[#This Row],[Comment ID]]), Tbl_Comments[[#This Row],[Opening Date]]))</f>
        <v/>
      </c>
    </row>
    <row r="19" spans="1:7" ht="23.1">
      <c r="A19" s="26" t="str" cm="1">
        <f t="array" aca="1" ref="A1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4</v>
      </c>
      <c r="B19" s="8" t="s">
        <v>44</v>
      </c>
      <c r="C19" s="8" t="s">
        <v>28</v>
      </c>
      <c r="D19" s="2"/>
      <c r="E19" s="4"/>
      <c r="F19" s="28" t="str" cm="1">
        <f t="array" aca="1" ref="F1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9" s="7" t="str">
        <f ca="1">IF(MAX(_xlfn.MAXIFS(Tbl_Dialogue[Date], Tbl_Dialogue[Comment ID], Tbl_Comments[[#This Row],[Comment ID]]), Tbl_Comments[[#This Row],[Opening Date]])=0, "", MAX(_xlfn.MAXIFS(Tbl_Dialogue[Date], Tbl_Dialogue[Comment ID], Tbl_Comments[[#This Row],[Comment ID]]), Tbl_Comments[[#This Row],[Opening Date]]))</f>
        <v/>
      </c>
    </row>
    <row r="20" spans="1:7" ht="57.6">
      <c r="A20" s="26" t="str" cm="1">
        <f t="array" aca="1" ref="A2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03</v>
      </c>
      <c r="B20" s="19" t="s">
        <v>45</v>
      </c>
      <c r="C20" s="8" t="s">
        <v>36</v>
      </c>
      <c r="D20" s="2"/>
      <c r="E20" s="4"/>
      <c r="F20" s="28" t="str" cm="1">
        <f t="array" aca="1" ref="F2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0" s="7" t="str">
        <f ca="1">IF(MAX(_xlfn.MAXIFS(Tbl_Dialogue[Date], Tbl_Dialogue[Comment ID], Tbl_Comments[[#This Row],[Comment ID]]), Tbl_Comments[[#This Row],[Opening Date]])=0, "", MAX(_xlfn.MAXIFS(Tbl_Dialogue[Date], Tbl_Dialogue[Comment ID], Tbl_Comments[[#This Row],[Comment ID]]), Tbl_Comments[[#This Row],[Opening Date]]))</f>
        <v/>
      </c>
    </row>
    <row r="21" spans="1:7" ht="34.5">
      <c r="A21" s="26" t="str" cm="1">
        <f t="array" aca="1" ref="A2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5</v>
      </c>
      <c r="B21" s="19" t="s">
        <v>46</v>
      </c>
      <c r="C21" s="8" t="s">
        <v>28</v>
      </c>
      <c r="D21" s="2"/>
      <c r="E21" s="4"/>
      <c r="F21" s="28" t="str" cm="1">
        <f t="array" aca="1" ref="F2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1" s="7" t="str">
        <f ca="1">IF(MAX(_xlfn.MAXIFS(Tbl_Dialogue[Date], Tbl_Dialogue[Comment ID], Tbl_Comments[[#This Row],[Comment ID]]), Tbl_Comments[[#This Row],[Opening Date]])=0, "", MAX(_xlfn.MAXIFS(Tbl_Dialogue[Date], Tbl_Dialogue[Comment ID], Tbl_Comments[[#This Row],[Comment ID]]), Tbl_Comments[[#This Row],[Opening Date]]))</f>
        <v/>
      </c>
    </row>
    <row r="22" spans="1:7" ht="72.75" customHeight="1">
      <c r="A22" s="26" t="str" cm="1">
        <f t="array" aca="1" ref="A2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04</v>
      </c>
      <c r="B22" s="19" t="s">
        <v>47</v>
      </c>
      <c r="C22" s="8" t="s">
        <v>36</v>
      </c>
      <c r="D22" s="2"/>
      <c r="E22" s="4"/>
      <c r="F22" s="28" t="str" cm="1">
        <f t="array" aca="1" ref="F2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2" s="7" t="str">
        <f ca="1">IF(MAX(_xlfn.MAXIFS(Tbl_Dialogue[Date], Tbl_Dialogue[Comment ID], Tbl_Comments[[#This Row],[Comment ID]]), Tbl_Comments[[#This Row],[Opening Date]])=0, "", MAX(_xlfn.MAXIFS(Tbl_Dialogue[Date], Tbl_Dialogue[Comment ID], Tbl_Comments[[#This Row],[Comment ID]]), Tbl_Comments[[#This Row],[Opening Date]]))</f>
        <v/>
      </c>
    </row>
    <row r="23" spans="1:7" ht="34.5" customHeight="1">
      <c r="A23" s="26" t="str" cm="1">
        <f t="array" aca="1" ref="A2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6</v>
      </c>
      <c r="B23" s="8" t="s">
        <v>48</v>
      </c>
      <c r="C23" s="8" t="s">
        <v>28</v>
      </c>
      <c r="D23" s="2"/>
      <c r="E23" s="4"/>
      <c r="F23" s="28" t="str" cm="1">
        <f t="array" aca="1" ref="F2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3" s="7" t="str">
        <f ca="1">IF(MAX(_xlfn.MAXIFS(Tbl_Dialogue[Date], Tbl_Dialogue[Comment ID], Tbl_Comments[[#This Row],[Comment ID]]), Tbl_Comments[[#This Row],[Opening Date]])=0, "", MAX(_xlfn.MAXIFS(Tbl_Dialogue[Date], Tbl_Dialogue[Comment ID], Tbl_Comments[[#This Row],[Comment ID]]), Tbl_Comments[[#This Row],[Opening Date]]))</f>
        <v/>
      </c>
    </row>
    <row r="24" spans="1:7" ht="121.5" customHeight="1">
      <c r="A24" s="26" t="str" cm="1">
        <f t="array" aca="1" ref="A2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7</v>
      </c>
      <c r="B24" s="8" t="s">
        <v>49</v>
      </c>
      <c r="C24" s="8" t="s">
        <v>28</v>
      </c>
      <c r="D24" s="2"/>
      <c r="E24" s="4"/>
      <c r="F24" s="28" t="str" cm="1">
        <f t="array" aca="1" ref="F2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4" s="7" t="str">
        <f ca="1">IF(MAX(_xlfn.MAXIFS(Tbl_Dialogue[Date], Tbl_Dialogue[Comment ID], Tbl_Comments[[#This Row],[Comment ID]]), Tbl_Comments[[#This Row],[Opening Date]])=0, "", MAX(_xlfn.MAXIFS(Tbl_Dialogue[Date], Tbl_Dialogue[Comment ID], Tbl_Comments[[#This Row],[Comment ID]]), Tbl_Comments[[#This Row],[Opening Date]]))</f>
        <v/>
      </c>
    </row>
    <row r="25" spans="1:7" ht="23.1">
      <c r="A25" s="26" t="str" cm="1">
        <f t="array" aca="1" ref="A2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8</v>
      </c>
      <c r="B25" s="8" t="s">
        <v>50</v>
      </c>
      <c r="C25" s="8" t="s">
        <v>28</v>
      </c>
      <c r="D25" s="2"/>
      <c r="E25" s="4"/>
      <c r="F25" s="28" t="str" cm="1">
        <f t="array" aca="1" ref="F2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5" s="7" t="str">
        <f ca="1">IF(MAX(_xlfn.MAXIFS(Tbl_Dialogue[Date], Tbl_Dialogue[Comment ID], Tbl_Comments[[#This Row],[Comment ID]]), Tbl_Comments[[#This Row],[Opening Date]])=0, "", MAX(_xlfn.MAXIFS(Tbl_Dialogue[Date], Tbl_Dialogue[Comment ID], Tbl_Comments[[#This Row],[Comment ID]]), Tbl_Comments[[#This Row],[Opening Date]]))</f>
        <v/>
      </c>
    </row>
    <row r="26" spans="1:7" ht="32.25" customHeight="1">
      <c r="A26" s="26" t="str" cm="1">
        <f t="array" aca="1" ref="A2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19</v>
      </c>
      <c r="B26" s="8" t="s">
        <v>51</v>
      </c>
      <c r="C26" s="8" t="s">
        <v>28</v>
      </c>
      <c r="D26" s="2"/>
      <c r="E26" s="4"/>
      <c r="F26" s="28" t="str" cm="1">
        <f t="array" aca="1" ref="F2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6" s="7" t="str">
        <f ca="1">IF(MAX(_xlfn.MAXIFS(Tbl_Dialogue[Date], Tbl_Dialogue[Comment ID], Tbl_Comments[[#This Row],[Comment ID]]), Tbl_Comments[[#This Row],[Opening Date]])=0, "", MAX(_xlfn.MAXIFS(Tbl_Dialogue[Date], Tbl_Dialogue[Comment ID], Tbl_Comments[[#This Row],[Comment ID]]), Tbl_Comments[[#This Row],[Opening Date]]))</f>
        <v/>
      </c>
    </row>
    <row r="27" spans="1:7" ht="39.75" customHeight="1">
      <c r="A27" s="26" t="str" cm="1">
        <f t="array" aca="1" ref="A2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0</v>
      </c>
      <c r="B27" s="8" t="s">
        <v>52</v>
      </c>
      <c r="C27" s="8" t="s">
        <v>28</v>
      </c>
      <c r="D27" s="2"/>
      <c r="E27" s="4"/>
      <c r="F27" s="28" t="str" cm="1">
        <f t="array" aca="1" ref="F2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7" s="7" t="str">
        <f ca="1">IF(MAX(_xlfn.MAXIFS(Tbl_Dialogue[Date], Tbl_Dialogue[Comment ID], Tbl_Comments[[#This Row],[Comment ID]]), Tbl_Comments[[#This Row],[Opening Date]])=0, "", MAX(_xlfn.MAXIFS(Tbl_Dialogue[Date], Tbl_Dialogue[Comment ID], Tbl_Comments[[#This Row],[Comment ID]]), Tbl_Comments[[#This Row],[Opening Date]]))</f>
        <v/>
      </c>
    </row>
    <row r="28" spans="1:7" ht="23.1">
      <c r="A28" s="26" t="str" cm="1">
        <f t="array" aca="1" ref="A2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1</v>
      </c>
      <c r="B28" s="8" t="s">
        <v>53</v>
      </c>
      <c r="C28" s="8" t="s">
        <v>28</v>
      </c>
      <c r="D28" s="2"/>
      <c r="E28" s="4"/>
      <c r="F28" s="28" t="str" cm="1">
        <f t="array" aca="1" ref="F2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8" s="7" t="str">
        <f ca="1">IF(MAX(_xlfn.MAXIFS(Tbl_Dialogue[Date], Tbl_Dialogue[Comment ID], Tbl_Comments[[#This Row],[Comment ID]]), Tbl_Comments[[#This Row],[Opening Date]])=0, "", MAX(_xlfn.MAXIFS(Tbl_Dialogue[Date], Tbl_Dialogue[Comment ID], Tbl_Comments[[#This Row],[Comment ID]]), Tbl_Comments[[#This Row],[Opening Date]]))</f>
        <v/>
      </c>
    </row>
    <row r="29" spans="1:7" ht="30.75" customHeight="1">
      <c r="A29" s="26" t="str" cm="1">
        <f t="array" aca="1" ref="A2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2</v>
      </c>
      <c r="B29" s="8" t="s">
        <v>54</v>
      </c>
      <c r="C29" s="8" t="s">
        <v>28</v>
      </c>
      <c r="D29" s="2"/>
      <c r="E29" s="4"/>
      <c r="F29" s="28" t="str" cm="1">
        <f t="array" aca="1" ref="F2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29" s="7" t="str">
        <f ca="1">IF(MAX(_xlfn.MAXIFS(Tbl_Dialogue[Date], Tbl_Dialogue[Comment ID], Tbl_Comments[[#This Row],[Comment ID]]), Tbl_Comments[[#This Row],[Opening Date]])=0, "", MAX(_xlfn.MAXIFS(Tbl_Dialogue[Date], Tbl_Dialogue[Comment ID], Tbl_Comments[[#This Row],[Comment ID]]), Tbl_Comments[[#This Row],[Opening Date]]))</f>
        <v/>
      </c>
    </row>
    <row r="30" spans="1:7" ht="23.1">
      <c r="A30" s="26" t="str" cm="1">
        <f t="array" aca="1" ref="A3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3</v>
      </c>
      <c r="B30" s="8" t="s">
        <v>55</v>
      </c>
      <c r="C30" s="8" t="s">
        <v>28</v>
      </c>
      <c r="D30" s="2"/>
      <c r="E30" s="4"/>
      <c r="F30" s="28" t="str" cm="1">
        <f t="array" aca="1" ref="F3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0" s="7" t="str">
        <f ca="1">IF(MAX(_xlfn.MAXIFS(Tbl_Dialogue[Date], Tbl_Dialogue[Comment ID], Tbl_Comments[[#This Row],[Comment ID]]), Tbl_Comments[[#This Row],[Opening Date]])=0, "", MAX(_xlfn.MAXIFS(Tbl_Dialogue[Date], Tbl_Dialogue[Comment ID], Tbl_Comments[[#This Row],[Comment ID]]), Tbl_Comments[[#This Row],[Opening Date]]))</f>
        <v/>
      </c>
    </row>
    <row r="31" spans="1:7" ht="34.5">
      <c r="A31" s="26" t="str" cm="1">
        <f t="array" aca="1" ref="A3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4</v>
      </c>
      <c r="B31" s="8" t="s">
        <v>56</v>
      </c>
      <c r="C31" s="8" t="s">
        <v>28</v>
      </c>
      <c r="D31" s="2"/>
      <c r="E31" s="4"/>
      <c r="F31" s="28" t="str" cm="1">
        <f t="array" aca="1" ref="F3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1" s="7" t="str">
        <f ca="1">IF(MAX(_xlfn.MAXIFS(Tbl_Dialogue[Date], Tbl_Dialogue[Comment ID], Tbl_Comments[[#This Row],[Comment ID]]), Tbl_Comments[[#This Row],[Opening Date]])=0, "", MAX(_xlfn.MAXIFS(Tbl_Dialogue[Date], Tbl_Dialogue[Comment ID], Tbl_Comments[[#This Row],[Comment ID]]), Tbl_Comments[[#This Row],[Opening Date]]))</f>
        <v/>
      </c>
    </row>
    <row r="32" spans="1:7" ht="23.1">
      <c r="A32" s="26" t="str" cm="1">
        <f t="array" aca="1" ref="A3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5</v>
      </c>
      <c r="B32" s="8" t="s">
        <v>57</v>
      </c>
      <c r="C32" s="8" t="s">
        <v>28</v>
      </c>
      <c r="D32" s="2"/>
      <c r="E32" s="4"/>
      <c r="F32" s="28" t="str" cm="1">
        <f t="array" aca="1" ref="F3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2" s="7" t="str">
        <f ca="1">IF(MAX(_xlfn.MAXIFS(Tbl_Dialogue[Date], Tbl_Dialogue[Comment ID], Tbl_Comments[[#This Row],[Comment ID]]), Tbl_Comments[[#This Row],[Opening Date]])=0, "", MAX(_xlfn.MAXIFS(Tbl_Dialogue[Date], Tbl_Dialogue[Comment ID], Tbl_Comments[[#This Row],[Comment ID]]), Tbl_Comments[[#This Row],[Opening Date]]))</f>
        <v/>
      </c>
    </row>
    <row r="33" spans="1:7" ht="34.5">
      <c r="A33" s="26" t="str" cm="1">
        <f t="array" aca="1" ref="A3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05</v>
      </c>
      <c r="B33" s="19" t="s">
        <v>58</v>
      </c>
      <c r="C33" s="8" t="s">
        <v>36</v>
      </c>
      <c r="D33" s="2"/>
      <c r="E33" s="4"/>
      <c r="F33" s="28" t="str" cm="1">
        <f t="array" aca="1" ref="F3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3" s="7" t="str">
        <f ca="1">IF(MAX(_xlfn.MAXIFS(Tbl_Dialogue[Date], Tbl_Dialogue[Comment ID], Tbl_Comments[[#This Row],[Comment ID]]), Tbl_Comments[[#This Row],[Opening Date]])=0, "", MAX(_xlfn.MAXIFS(Tbl_Dialogue[Date], Tbl_Dialogue[Comment ID], Tbl_Comments[[#This Row],[Comment ID]]), Tbl_Comments[[#This Row],[Opening Date]]))</f>
        <v/>
      </c>
    </row>
    <row r="34" spans="1:7" ht="42.75" customHeight="1">
      <c r="A34" s="26" t="str" cm="1">
        <f t="array" aca="1" ref="A3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06</v>
      </c>
      <c r="B34" s="19" t="s">
        <v>59</v>
      </c>
      <c r="C34" s="8" t="s">
        <v>36</v>
      </c>
      <c r="D34" s="2"/>
      <c r="E34" s="4"/>
      <c r="F34" s="28" t="str" cm="1">
        <f t="array" aca="1" ref="F3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4" s="7" t="str">
        <f ca="1">IF(MAX(_xlfn.MAXIFS(Tbl_Dialogue[Date], Tbl_Dialogue[Comment ID], Tbl_Comments[[#This Row],[Comment ID]]), Tbl_Comments[[#This Row],[Opening Date]])=0, "", MAX(_xlfn.MAXIFS(Tbl_Dialogue[Date], Tbl_Dialogue[Comment ID], Tbl_Comments[[#This Row],[Comment ID]]), Tbl_Comments[[#This Row],[Opening Date]]))</f>
        <v/>
      </c>
    </row>
    <row r="35" spans="1:7" ht="45.95">
      <c r="A35" s="26" t="str" cm="1">
        <f t="array" aca="1" ref="A3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07</v>
      </c>
      <c r="B35" s="19" t="s">
        <v>60</v>
      </c>
      <c r="C35" s="8" t="s">
        <v>36</v>
      </c>
      <c r="D35" s="2"/>
      <c r="E35" s="4"/>
      <c r="F35" s="28" t="str" cm="1">
        <f t="array" aca="1" ref="F3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5" s="7" t="str">
        <f ca="1">IF(MAX(_xlfn.MAXIFS(Tbl_Dialogue[Date], Tbl_Dialogue[Comment ID], Tbl_Comments[[#This Row],[Comment ID]]), Tbl_Comments[[#This Row],[Opening Date]])=0, "", MAX(_xlfn.MAXIFS(Tbl_Dialogue[Date], Tbl_Dialogue[Comment ID], Tbl_Comments[[#This Row],[Comment ID]]), Tbl_Comments[[#This Row],[Opening Date]]))</f>
        <v/>
      </c>
    </row>
    <row r="36" spans="1:7" ht="75.75" customHeight="1">
      <c r="A36" s="26" t="str" cm="1">
        <f t="array" aca="1" ref="A3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08</v>
      </c>
      <c r="B36" s="19" t="s">
        <v>61</v>
      </c>
      <c r="C36" s="8" t="s">
        <v>36</v>
      </c>
      <c r="D36" s="2"/>
      <c r="E36" s="4"/>
      <c r="F36" s="28" t="str" cm="1">
        <f t="array" aca="1" ref="F3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6" s="7" t="str">
        <f ca="1">IF(MAX(_xlfn.MAXIFS(Tbl_Dialogue[Date], Tbl_Dialogue[Comment ID], Tbl_Comments[[#This Row],[Comment ID]]), Tbl_Comments[[#This Row],[Opening Date]])=0, "", MAX(_xlfn.MAXIFS(Tbl_Dialogue[Date], Tbl_Dialogue[Comment ID], Tbl_Comments[[#This Row],[Comment ID]]), Tbl_Comments[[#This Row],[Opening Date]]))</f>
        <v/>
      </c>
    </row>
    <row r="37" spans="1:7" s="3" customFormat="1" ht="57.6">
      <c r="A37" s="26" t="str" cm="1">
        <f t="array" aca="1" ref="A3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09</v>
      </c>
      <c r="B37" s="19" t="s">
        <v>62</v>
      </c>
      <c r="C37" s="8" t="s">
        <v>36</v>
      </c>
      <c r="D37" s="2"/>
      <c r="E37" s="4"/>
      <c r="F37" s="28" t="str" cm="1">
        <f t="array" aca="1" ref="F3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7" s="7" t="str">
        <f ca="1">IF(MAX(_xlfn.MAXIFS(Tbl_Dialogue[Date], Tbl_Dialogue[Comment ID], Tbl_Comments[[#This Row],[Comment ID]]), Tbl_Comments[[#This Row],[Opening Date]])=0, "", MAX(_xlfn.MAXIFS(Tbl_Dialogue[Date], Tbl_Dialogue[Comment ID], Tbl_Comments[[#This Row],[Comment ID]]), Tbl_Comments[[#This Row],[Opening Date]]))</f>
        <v/>
      </c>
    </row>
    <row r="38" spans="1:7" s="3" customFormat="1" ht="101.25" customHeight="1">
      <c r="A38" s="26" t="str" cm="1">
        <f t="array" aca="1" ref="A3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01</v>
      </c>
      <c r="B38" s="8" t="s">
        <v>63</v>
      </c>
      <c r="C38" s="8" t="s">
        <v>64</v>
      </c>
      <c r="D38" s="2"/>
      <c r="E38" s="4"/>
      <c r="F38" s="28" t="str" cm="1">
        <f t="array" aca="1" ref="F3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8" s="7" t="str">
        <f ca="1">IF(MAX(_xlfn.MAXIFS(Tbl_Dialogue[Date], Tbl_Dialogue[Comment ID], Tbl_Comments[[#This Row],[Comment ID]]), Tbl_Comments[[#This Row],[Opening Date]])=0, "", MAX(_xlfn.MAXIFS(Tbl_Dialogue[Date], Tbl_Dialogue[Comment ID], Tbl_Comments[[#This Row],[Comment ID]]), Tbl_Comments[[#This Row],[Opening Date]]))</f>
        <v/>
      </c>
    </row>
    <row r="39" spans="1:7" s="3" customFormat="1" ht="80.45">
      <c r="A39" s="26" t="str" cm="1">
        <f t="array" aca="1" ref="A3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6</v>
      </c>
      <c r="B39" s="8" t="s">
        <v>65</v>
      </c>
      <c r="C39" s="8" t="s">
        <v>28</v>
      </c>
      <c r="D39" s="2"/>
      <c r="E39" s="4"/>
      <c r="F39" s="28" t="str" cm="1">
        <f t="array" aca="1" ref="F3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39" s="7" t="str">
        <f ca="1">IF(MAX(_xlfn.MAXIFS(Tbl_Dialogue[Date], Tbl_Dialogue[Comment ID], Tbl_Comments[[#This Row],[Comment ID]]), Tbl_Comments[[#This Row],[Opening Date]])=0, "", MAX(_xlfn.MAXIFS(Tbl_Dialogue[Date], Tbl_Dialogue[Comment ID], Tbl_Comments[[#This Row],[Comment ID]]), Tbl_Comments[[#This Row],[Opening Date]]))</f>
        <v/>
      </c>
    </row>
    <row r="40" spans="1:7" s="3" customFormat="1" ht="103.5">
      <c r="A40" s="26" t="str" cm="1">
        <f t="array" aca="1" ref="A4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7</v>
      </c>
      <c r="B40" s="8" t="s">
        <v>66</v>
      </c>
      <c r="C40" s="8" t="s">
        <v>28</v>
      </c>
      <c r="D40" s="2"/>
      <c r="E40" s="4"/>
      <c r="F40" s="28" t="str" cm="1">
        <f t="array" aca="1" ref="F4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0" s="7" t="str">
        <f ca="1">IF(MAX(_xlfn.MAXIFS(Tbl_Dialogue[Date], Tbl_Dialogue[Comment ID], Tbl_Comments[[#This Row],[Comment ID]]), Tbl_Comments[[#This Row],[Opening Date]])=0, "", MAX(_xlfn.MAXIFS(Tbl_Dialogue[Date], Tbl_Dialogue[Comment ID], Tbl_Comments[[#This Row],[Comment ID]]), Tbl_Comments[[#This Row],[Opening Date]]))</f>
        <v/>
      </c>
    </row>
    <row r="41" spans="1:7" s="3" customFormat="1" ht="69">
      <c r="A41" s="26" t="str" cm="1">
        <f t="array" aca="1" ref="A4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8</v>
      </c>
      <c r="B41" s="8" t="s">
        <v>67</v>
      </c>
      <c r="C41" s="8" t="s">
        <v>28</v>
      </c>
      <c r="D41" s="2"/>
      <c r="E41" s="4"/>
      <c r="F41" s="28" t="str" cm="1">
        <f t="array" aca="1" ref="F4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1" s="7" t="str">
        <f ca="1">IF(MAX(_xlfn.MAXIFS(Tbl_Dialogue[Date], Tbl_Dialogue[Comment ID], Tbl_Comments[[#This Row],[Comment ID]]), Tbl_Comments[[#This Row],[Opening Date]])=0, "", MAX(_xlfn.MAXIFS(Tbl_Dialogue[Date], Tbl_Dialogue[Comment ID], Tbl_Comments[[#This Row],[Comment ID]]), Tbl_Comments[[#This Row],[Opening Date]]))</f>
        <v/>
      </c>
    </row>
    <row r="42" spans="1:7" s="3" customFormat="1" ht="57.6">
      <c r="A42" s="26" t="str" cm="1">
        <f t="array" aca="1" ref="A4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29</v>
      </c>
      <c r="B42" s="8" t="s">
        <v>68</v>
      </c>
      <c r="C42" s="8" t="s">
        <v>28</v>
      </c>
      <c r="D42" s="2"/>
      <c r="E42" s="4"/>
      <c r="F42" s="28" t="str" cm="1">
        <f t="array" aca="1" ref="F4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2" s="7" t="str">
        <f ca="1">IF(MAX(_xlfn.MAXIFS(Tbl_Dialogue[Date], Tbl_Dialogue[Comment ID], Tbl_Comments[[#This Row],[Comment ID]]), Tbl_Comments[[#This Row],[Opening Date]])=0, "", MAX(_xlfn.MAXIFS(Tbl_Dialogue[Date], Tbl_Dialogue[Comment ID], Tbl_Comments[[#This Row],[Comment ID]]), Tbl_Comments[[#This Row],[Opening Date]]))</f>
        <v/>
      </c>
    </row>
    <row r="43" spans="1:7" s="3" customFormat="1" ht="45.95">
      <c r="A43" s="26" t="str" cm="1">
        <f t="array" aca="1" ref="A4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1030</v>
      </c>
      <c r="B43" s="8" t="s">
        <v>69</v>
      </c>
      <c r="C43" s="8" t="s">
        <v>28</v>
      </c>
      <c r="D43" s="2"/>
      <c r="E43" s="4"/>
      <c r="F43" s="28" t="str" cm="1">
        <f t="array" aca="1" ref="F4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3" s="7" t="str">
        <f ca="1">IF(MAX(_xlfn.MAXIFS(Tbl_Dialogue[Date], Tbl_Dialogue[Comment ID], Tbl_Comments[[#This Row],[Comment ID]]), Tbl_Comments[[#This Row],[Opening Date]])=0, "", MAX(_xlfn.MAXIFS(Tbl_Dialogue[Date], Tbl_Dialogue[Comment ID], Tbl_Comments[[#This Row],[Comment ID]]), Tbl_Comments[[#This Row],[Opening Date]]))</f>
        <v/>
      </c>
    </row>
    <row r="44" spans="1:7" ht="23.1">
      <c r="A44" s="26" t="str" cm="1">
        <f t="array" aca="1" ref="A4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02</v>
      </c>
      <c r="B44" s="8" t="s">
        <v>70</v>
      </c>
      <c r="C44" s="8" t="s">
        <v>64</v>
      </c>
      <c r="D44" s="2"/>
      <c r="E44" s="4"/>
      <c r="F44" s="28" t="str" cm="1">
        <f t="array" aca="1" ref="F4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4" s="7" t="str">
        <f ca="1">IF(MAX(_xlfn.MAXIFS(Tbl_Dialogue[Date], Tbl_Dialogue[Comment ID], Tbl_Comments[[#This Row],[Comment ID]]), Tbl_Comments[[#This Row],[Opening Date]])=0, "", MAX(_xlfn.MAXIFS(Tbl_Dialogue[Date], Tbl_Dialogue[Comment ID], Tbl_Comments[[#This Row],[Comment ID]]), Tbl_Comments[[#This Row],[Opening Date]]))</f>
        <v/>
      </c>
    </row>
    <row r="45" spans="1:7" ht="23.1">
      <c r="A45" s="26" t="str" cm="1">
        <f t="array" aca="1" ref="A4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03</v>
      </c>
      <c r="B45" s="8" t="s">
        <v>71</v>
      </c>
      <c r="C45" s="8" t="s">
        <v>64</v>
      </c>
      <c r="D45" s="2"/>
      <c r="E45" s="4"/>
      <c r="F45" s="28" t="str" cm="1">
        <f t="array" aca="1" ref="F4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5" s="7" t="str">
        <f ca="1">IF(MAX(_xlfn.MAXIFS(Tbl_Dialogue[Date], Tbl_Dialogue[Comment ID], Tbl_Comments[[#This Row],[Comment ID]]), Tbl_Comments[[#This Row],[Opening Date]])=0, "", MAX(_xlfn.MAXIFS(Tbl_Dialogue[Date], Tbl_Dialogue[Comment ID], Tbl_Comments[[#This Row],[Comment ID]]), Tbl_Comments[[#This Row],[Opening Date]]))</f>
        <v/>
      </c>
    </row>
    <row r="46" spans="1:7" ht="23.1">
      <c r="A46" s="26" t="str" cm="1">
        <f t="array" aca="1" ref="A4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04</v>
      </c>
      <c r="B46" s="8" t="s">
        <v>72</v>
      </c>
      <c r="C46" s="8" t="s">
        <v>64</v>
      </c>
      <c r="D46" s="2"/>
      <c r="E46" s="4"/>
      <c r="F46" s="28" t="str" cm="1">
        <f t="array" aca="1" ref="F4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6" s="7" t="str">
        <f ca="1">IF(MAX(_xlfn.MAXIFS(Tbl_Dialogue[Date], Tbl_Dialogue[Comment ID], Tbl_Comments[[#This Row],[Comment ID]]), Tbl_Comments[[#This Row],[Opening Date]])=0, "", MAX(_xlfn.MAXIFS(Tbl_Dialogue[Date], Tbl_Dialogue[Comment ID], Tbl_Comments[[#This Row],[Comment ID]]), Tbl_Comments[[#This Row],[Opening Date]]))</f>
        <v/>
      </c>
    </row>
    <row r="47" spans="1:7" ht="23.1">
      <c r="A47" s="26" t="str" cm="1">
        <f t="array" aca="1" ref="A4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05</v>
      </c>
      <c r="B47" s="8" t="s">
        <v>73</v>
      </c>
      <c r="C47" s="8" t="s">
        <v>64</v>
      </c>
      <c r="D47" s="2"/>
      <c r="E47" s="4"/>
      <c r="F47" s="28" t="str" cm="1">
        <f t="array" aca="1" ref="F4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7" s="7" t="str">
        <f ca="1">IF(MAX(_xlfn.MAXIFS(Tbl_Dialogue[Date], Tbl_Dialogue[Comment ID], Tbl_Comments[[#This Row],[Comment ID]]), Tbl_Comments[[#This Row],[Opening Date]])=0, "", MAX(_xlfn.MAXIFS(Tbl_Dialogue[Date], Tbl_Dialogue[Comment ID], Tbl_Comments[[#This Row],[Comment ID]]), Tbl_Comments[[#This Row],[Opening Date]]))</f>
        <v/>
      </c>
    </row>
    <row r="48" spans="1:7" ht="45.95">
      <c r="A48" s="26" t="str" cm="1">
        <f t="array" aca="1" ref="A4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06</v>
      </c>
      <c r="B48" s="8" t="s">
        <v>74</v>
      </c>
      <c r="C48" s="8" t="s">
        <v>64</v>
      </c>
      <c r="D48" s="2"/>
      <c r="E48" s="4"/>
      <c r="F48" s="28" t="str" cm="1">
        <f t="array" aca="1" ref="F4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8" s="7" t="str">
        <f ca="1">IF(MAX(_xlfn.MAXIFS(Tbl_Dialogue[Date], Tbl_Dialogue[Comment ID], Tbl_Comments[[#This Row],[Comment ID]]), Tbl_Comments[[#This Row],[Opening Date]])=0, "", MAX(_xlfn.MAXIFS(Tbl_Dialogue[Date], Tbl_Dialogue[Comment ID], Tbl_Comments[[#This Row],[Comment ID]]), Tbl_Comments[[#This Row],[Opening Date]]))</f>
        <v/>
      </c>
    </row>
    <row r="49" spans="1:7" ht="34.5">
      <c r="A49" s="26" t="str" cm="1">
        <f t="array" aca="1" ref="A4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07</v>
      </c>
      <c r="B49" s="8" t="s">
        <v>75</v>
      </c>
      <c r="C49" s="8" t="s">
        <v>64</v>
      </c>
      <c r="D49" s="2"/>
      <c r="E49" s="4"/>
      <c r="F49" s="28" t="str" cm="1">
        <f t="array" aca="1" ref="F4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49" s="7" t="str">
        <f ca="1">IF(MAX(_xlfn.MAXIFS(Tbl_Dialogue[Date], Tbl_Dialogue[Comment ID], Tbl_Comments[[#This Row],[Comment ID]]), Tbl_Comments[[#This Row],[Opening Date]])=0, "", MAX(_xlfn.MAXIFS(Tbl_Dialogue[Date], Tbl_Dialogue[Comment ID], Tbl_Comments[[#This Row],[Comment ID]]), Tbl_Comments[[#This Row],[Opening Date]]))</f>
        <v/>
      </c>
    </row>
    <row r="50" spans="1:7" ht="34.5">
      <c r="A50" s="26" t="str" cm="1">
        <f t="array" aca="1" ref="A5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08</v>
      </c>
      <c r="B50" s="8" t="s">
        <v>76</v>
      </c>
      <c r="C50" s="8" t="s">
        <v>64</v>
      </c>
      <c r="D50" s="2"/>
      <c r="E50" s="4"/>
      <c r="F50" s="28" t="str" cm="1">
        <f t="array" aca="1" ref="F5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0" s="7" t="str">
        <f ca="1">IF(MAX(_xlfn.MAXIFS(Tbl_Dialogue[Date], Tbl_Dialogue[Comment ID], Tbl_Comments[[#This Row],[Comment ID]]), Tbl_Comments[[#This Row],[Opening Date]])=0, "", MAX(_xlfn.MAXIFS(Tbl_Dialogue[Date], Tbl_Dialogue[Comment ID], Tbl_Comments[[#This Row],[Comment ID]]), Tbl_Comments[[#This Row],[Opening Date]]))</f>
        <v/>
      </c>
    </row>
    <row r="51" spans="1:7" ht="86.25" customHeight="1">
      <c r="A51" s="26" t="str" cm="1">
        <f t="array" aca="1" ref="A5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09</v>
      </c>
      <c r="B51" s="8" t="s">
        <v>77</v>
      </c>
      <c r="C51" s="8" t="s">
        <v>64</v>
      </c>
      <c r="D51" s="2"/>
      <c r="E51" s="4"/>
      <c r="F51" s="28" t="str" cm="1">
        <f t="array" aca="1" ref="F5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1" s="7" t="str">
        <f ca="1">IF(MAX(_xlfn.MAXIFS(Tbl_Dialogue[Date], Tbl_Dialogue[Comment ID], Tbl_Comments[[#This Row],[Comment ID]]), Tbl_Comments[[#This Row],[Opening Date]])=0, "", MAX(_xlfn.MAXIFS(Tbl_Dialogue[Date], Tbl_Dialogue[Comment ID], Tbl_Comments[[#This Row],[Comment ID]]), Tbl_Comments[[#This Row],[Opening Date]]))</f>
        <v/>
      </c>
    </row>
    <row r="52" spans="1:7" ht="34.5">
      <c r="A52" s="26" t="str" cm="1">
        <f t="array" aca="1" ref="A5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0</v>
      </c>
      <c r="B52" s="8" t="s">
        <v>78</v>
      </c>
      <c r="C52" s="8" t="s">
        <v>64</v>
      </c>
      <c r="D52" s="2"/>
      <c r="E52" s="4"/>
      <c r="F52" s="28" t="str" cm="1">
        <f t="array" aca="1" ref="F5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2" s="7" t="str">
        <f ca="1">IF(MAX(_xlfn.MAXIFS(Tbl_Dialogue[Date], Tbl_Dialogue[Comment ID], Tbl_Comments[[#This Row],[Comment ID]]), Tbl_Comments[[#This Row],[Opening Date]])=0, "", MAX(_xlfn.MAXIFS(Tbl_Dialogue[Date], Tbl_Dialogue[Comment ID], Tbl_Comments[[#This Row],[Comment ID]]), Tbl_Comments[[#This Row],[Opening Date]]))</f>
        <v/>
      </c>
    </row>
    <row r="53" spans="1:7" ht="25.5" customHeight="1">
      <c r="A53" s="26" t="str" cm="1">
        <f t="array" aca="1" ref="A5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1</v>
      </c>
      <c r="B53" s="8" t="s">
        <v>79</v>
      </c>
      <c r="C53" s="8" t="s">
        <v>64</v>
      </c>
      <c r="D53" s="2"/>
      <c r="E53" s="4"/>
      <c r="F53" s="28" t="str" cm="1">
        <f t="array" aca="1" ref="F5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3" s="7" t="str">
        <f ca="1">IF(MAX(_xlfn.MAXIFS(Tbl_Dialogue[Date], Tbl_Dialogue[Comment ID], Tbl_Comments[[#This Row],[Comment ID]]), Tbl_Comments[[#This Row],[Opening Date]])=0, "", MAX(_xlfn.MAXIFS(Tbl_Dialogue[Date], Tbl_Dialogue[Comment ID], Tbl_Comments[[#This Row],[Comment ID]]), Tbl_Comments[[#This Row],[Opening Date]]))</f>
        <v/>
      </c>
    </row>
    <row r="54" spans="1:7" ht="23.1">
      <c r="A54" s="26" t="str" cm="1">
        <f t="array" aca="1" ref="A5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2</v>
      </c>
      <c r="B54" s="8" t="s">
        <v>80</v>
      </c>
      <c r="C54" s="8" t="s">
        <v>64</v>
      </c>
      <c r="D54" s="2"/>
      <c r="E54" s="4"/>
      <c r="F54" s="28" t="str" cm="1">
        <f t="array" aca="1" ref="F5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4" s="7" t="str">
        <f ca="1">IF(MAX(_xlfn.MAXIFS(Tbl_Dialogue[Date], Tbl_Dialogue[Comment ID], Tbl_Comments[[#This Row],[Comment ID]]), Tbl_Comments[[#This Row],[Opening Date]])=0, "", MAX(_xlfn.MAXIFS(Tbl_Dialogue[Date], Tbl_Dialogue[Comment ID], Tbl_Comments[[#This Row],[Comment ID]]), Tbl_Comments[[#This Row],[Opening Date]]))</f>
        <v/>
      </c>
    </row>
    <row r="55" spans="1:7" ht="23.1">
      <c r="A55" s="26" t="str" cm="1">
        <f t="array" aca="1" ref="A5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3</v>
      </c>
      <c r="B55" s="8" t="s">
        <v>81</v>
      </c>
      <c r="C55" s="8" t="s">
        <v>64</v>
      </c>
      <c r="D55" s="2"/>
      <c r="E55" s="4"/>
      <c r="F55" s="28" t="str" cm="1">
        <f t="array" aca="1" ref="F5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5" s="7" t="str">
        <f ca="1">IF(MAX(_xlfn.MAXIFS(Tbl_Dialogue[Date], Tbl_Dialogue[Comment ID], Tbl_Comments[[#This Row],[Comment ID]]), Tbl_Comments[[#This Row],[Opening Date]])=0, "", MAX(_xlfn.MAXIFS(Tbl_Dialogue[Date], Tbl_Dialogue[Comment ID], Tbl_Comments[[#This Row],[Comment ID]]), Tbl_Comments[[#This Row],[Opening Date]]))</f>
        <v/>
      </c>
    </row>
    <row r="56" spans="1:7" ht="34.5">
      <c r="A56" s="26" t="str" cm="1">
        <f t="array" aca="1" ref="A5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10</v>
      </c>
      <c r="B56" s="8" t="s">
        <v>82</v>
      </c>
      <c r="C56" s="8" t="s">
        <v>83</v>
      </c>
      <c r="D56" s="2"/>
      <c r="E56" s="4"/>
      <c r="F56" s="28" t="str" cm="1">
        <f t="array" aca="1" ref="F5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6" s="7" t="str">
        <f ca="1">IF(MAX(_xlfn.MAXIFS(Tbl_Dialogue[Date], Tbl_Dialogue[Comment ID], Tbl_Comments[[#This Row],[Comment ID]]), Tbl_Comments[[#This Row],[Opening Date]])=0, "", MAX(_xlfn.MAXIFS(Tbl_Dialogue[Date], Tbl_Dialogue[Comment ID], Tbl_Comments[[#This Row],[Comment ID]]), Tbl_Comments[[#This Row],[Opening Date]]))</f>
        <v/>
      </c>
    </row>
    <row r="57" spans="1:7" ht="103.5">
      <c r="A57" s="26" t="str" cm="1">
        <f t="array" aca="1" ref="A5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4</v>
      </c>
      <c r="B57" s="8" t="s">
        <v>84</v>
      </c>
      <c r="C57" s="8" t="s">
        <v>64</v>
      </c>
      <c r="D57" s="2"/>
      <c r="E57" s="4"/>
      <c r="F57" s="28" t="str" cm="1">
        <f t="array" aca="1" ref="F5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7" s="7" t="str">
        <f ca="1">IF(MAX(_xlfn.MAXIFS(Tbl_Dialogue[Date], Tbl_Dialogue[Comment ID], Tbl_Comments[[#This Row],[Comment ID]]), Tbl_Comments[[#This Row],[Opening Date]])=0, "", MAX(_xlfn.MAXIFS(Tbl_Dialogue[Date], Tbl_Dialogue[Comment ID], Tbl_Comments[[#This Row],[Comment ID]]), Tbl_Comments[[#This Row],[Opening Date]]))</f>
        <v/>
      </c>
    </row>
    <row r="58" spans="1:7" ht="34.5">
      <c r="A58" s="26" t="str" cm="1">
        <f t="array" aca="1" ref="A5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5</v>
      </c>
      <c r="B58" s="8" t="s">
        <v>85</v>
      </c>
      <c r="C58" s="8" t="s">
        <v>64</v>
      </c>
      <c r="D58" s="2"/>
      <c r="E58" s="4"/>
      <c r="F58" s="28" t="str" cm="1">
        <f t="array" aca="1" ref="F5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8" s="7" t="str">
        <f ca="1">IF(MAX(_xlfn.MAXIFS(Tbl_Dialogue[Date], Tbl_Dialogue[Comment ID], Tbl_Comments[[#This Row],[Comment ID]]), Tbl_Comments[[#This Row],[Opening Date]])=0, "", MAX(_xlfn.MAXIFS(Tbl_Dialogue[Date], Tbl_Dialogue[Comment ID], Tbl_Comments[[#This Row],[Comment ID]]), Tbl_Comments[[#This Row],[Opening Date]]))</f>
        <v/>
      </c>
    </row>
    <row r="59" spans="1:7" ht="23.1">
      <c r="A59" s="26" t="str" cm="1">
        <f t="array" aca="1" ref="A5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6</v>
      </c>
      <c r="B59" s="8" t="s">
        <v>86</v>
      </c>
      <c r="C59" s="8" t="s">
        <v>64</v>
      </c>
      <c r="D59" s="2"/>
      <c r="E59" s="4"/>
      <c r="F59" s="28" t="str" cm="1">
        <f t="array" aca="1" ref="F5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59" s="7" t="str">
        <f ca="1">IF(MAX(_xlfn.MAXIFS(Tbl_Dialogue[Date], Tbl_Dialogue[Comment ID], Tbl_Comments[[#This Row],[Comment ID]]), Tbl_Comments[[#This Row],[Opening Date]])=0, "", MAX(_xlfn.MAXIFS(Tbl_Dialogue[Date], Tbl_Dialogue[Comment ID], Tbl_Comments[[#This Row],[Comment ID]]), Tbl_Comments[[#This Row],[Opening Date]]))</f>
        <v/>
      </c>
    </row>
    <row r="60" spans="1:7" ht="39" customHeight="1">
      <c r="A60" s="26" t="str" cm="1">
        <f t="array" aca="1" ref="A6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7</v>
      </c>
      <c r="B60" s="8" t="s">
        <v>87</v>
      </c>
      <c r="C60" s="8" t="s">
        <v>64</v>
      </c>
      <c r="D60" s="2"/>
      <c r="E60" s="4"/>
      <c r="F60" s="28" t="str" cm="1">
        <f t="array" aca="1" ref="F6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0" s="7" t="str">
        <f ca="1">IF(MAX(_xlfn.MAXIFS(Tbl_Dialogue[Date], Tbl_Dialogue[Comment ID], Tbl_Comments[[#This Row],[Comment ID]]), Tbl_Comments[[#This Row],[Opening Date]])=0, "", MAX(_xlfn.MAXIFS(Tbl_Dialogue[Date], Tbl_Dialogue[Comment ID], Tbl_Comments[[#This Row],[Comment ID]]), Tbl_Comments[[#This Row],[Opening Date]]))</f>
        <v/>
      </c>
    </row>
    <row r="61" spans="1:7" ht="27.75" customHeight="1">
      <c r="A61" s="26" t="str" cm="1">
        <f t="array" aca="1" ref="A6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8</v>
      </c>
      <c r="B61" s="8" t="s">
        <v>88</v>
      </c>
      <c r="C61" s="8" t="s">
        <v>64</v>
      </c>
      <c r="D61" s="2"/>
      <c r="E61" s="4"/>
      <c r="F61" s="28" t="str" cm="1">
        <f t="array" aca="1" ref="F6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1" s="7" t="str">
        <f ca="1">IF(MAX(_xlfn.MAXIFS(Tbl_Dialogue[Date], Tbl_Dialogue[Comment ID], Tbl_Comments[[#This Row],[Comment ID]]), Tbl_Comments[[#This Row],[Opening Date]])=0, "", MAX(_xlfn.MAXIFS(Tbl_Dialogue[Date], Tbl_Dialogue[Comment ID], Tbl_Comments[[#This Row],[Comment ID]]), Tbl_Comments[[#This Row],[Opening Date]]))</f>
        <v/>
      </c>
    </row>
    <row r="62" spans="1:7" ht="34.5">
      <c r="A62" s="26" t="str" cm="1">
        <f t="array" aca="1" ref="A6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11</v>
      </c>
      <c r="B62" s="8" t="s">
        <v>89</v>
      </c>
      <c r="C62" s="8" t="s">
        <v>83</v>
      </c>
      <c r="D62" s="2"/>
      <c r="E62" s="4"/>
      <c r="F62" s="28" t="str" cm="1">
        <f t="array" aca="1" ref="F6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2" s="7" t="str">
        <f ca="1">IF(MAX(_xlfn.MAXIFS(Tbl_Dialogue[Date], Tbl_Dialogue[Comment ID], Tbl_Comments[[#This Row],[Comment ID]]), Tbl_Comments[[#This Row],[Opening Date]])=0, "", MAX(_xlfn.MAXIFS(Tbl_Dialogue[Date], Tbl_Dialogue[Comment ID], Tbl_Comments[[#This Row],[Comment ID]]), Tbl_Comments[[#This Row],[Opening Date]]))</f>
        <v/>
      </c>
    </row>
    <row r="63" spans="1:7" ht="42.75" customHeight="1">
      <c r="A63" s="26" t="str" cm="1">
        <f t="array" aca="1" ref="A6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19</v>
      </c>
      <c r="B63" s="8" t="s">
        <v>90</v>
      </c>
      <c r="C63" s="8" t="s">
        <v>64</v>
      </c>
      <c r="D63" s="2"/>
      <c r="E63" s="4"/>
      <c r="F63" s="28" t="str" cm="1">
        <f t="array" aca="1" ref="F6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3" s="7" t="str">
        <f ca="1">IF(MAX(_xlfn.MAXIFS(Tbl_Dialogue[Date], Tbl_Dialogue[Comment ID], Tbl_Comments[[#This Row],[Comment ID]]), Tbl_Comments[[#This Row],[Opening Date]])=0, "", MAX(_xlfn.MAXIFS(Tbl_Dialogue[Date], Tbl_Dialogue[Comment ID], Tbl_Comments[[#This Row],[Comment ID]]), Tbl_Comments[[#This Row],[Opening Date]]))</f>
        <v/>
      </c>
    </row>
    <row r="64" spans="1:7" ht="69.599999999999994">
      <c r="A64" s="26" t="str" cm="1">
        <f t="array" aca="1" ref="A6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0</v>
      </c>
      <c r="B64" s="8" t="s">
        <v>91</v>
      </c>
      <c r="C64" s="8" t="s">
        <v>64</v>
      </c>
      <c r="D64" s="2"/>
      <c r="E64" s="4"/>
      <c r="F64" s="28" t="str" cm="1">
        <f t="array" aca="1" ref="F6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4" s="7" t="str">
        <f ca="1">IF(MAX(_xlfn.MAXIFS(Tbl_Dialogue[Date], Tbl_Dialogue[Comment ID], Tbl_Comments[[#This Row],[Comment ID]]), Tbl_Comments[[#This Row],[Opening Date]])=0, "", MAX(_xlfn.MAXIFS(Tbl_Dialogue[Date], Tbl_Dialogue[Comment ID], Tbl_Comments[[#This Row],[Comment ID]]), Tbl_Comments[[#This Row],[Opening Date]]))</f>
        <v/>
      </c>
    </row>
    <row r="65" spans="1:7" ht="84.6" customHeight="1">
      <c r="A65" s="26" t="str" cm="1">
        <f t="array" aca="1" ref="A6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12</v>
      </c>
      <c r="B65" s="8" t="s">
        <v>92</v>
      </c>
      <c r="C65" s="8" t="s">
        <v>83</v>
      </c>
      <c r="D65" s="2"/>
      <c r="E65" s="4"/>
      <c r="F65" s="28" t="str" cm="1">
        <f t="array" aca="1" ref="F6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5" s="7" t="str">
        <f ca="1">IF(MAX(_xlfn.MAXIFS(Tbl_Dialogue[Date], Tbl_Dialogue[Comment ID], Tbl_Comments[[#This Row],[Comment ID]]), Tbl_Comments[[#This Row],[Opening Date]])=0, "", MAX(_xlfn.MAXIFS(Tbl_Dialogue[Date], Tbl_Dialogue[Comment ID], Tbl_Comments[[#This Row],[Comment ID]]), Tbl_Comments[[#This Row],[Opening Date]]))</f>
        <v/>
      </c>
    </row>
    <row r="66" spans="1:7" ht="23.1">
      <c r="A66" s="26" t="str" cm="1">
        <f t="array" aca="1" ref="A6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1</v>
      </c>
      <c r="B66" s="8" t="s">
        <v>93</v>
      </c>
      <c r="C66" s="8" t="s">
        <v>64</v>
      </c>
      <c r="D66" s="2"/>
      <c r="E66" s="4"/>
      <c r="F66" s="28" t="str" cm="1">
        <f t="array" aca="1" ref="F6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6" s="7" t="str">
        <f ca="1">IF(MAX(_xlfn.MAXIFS(Tbl_Dialogue[Date], Tbl_Dialogue[Comment ID], Tbl_Comments[[#This Row],[Comment ID]]), Tbl_Comments[[#This Row],[Opening Date]])=0, "", MAX(_xlfn.MAXIFS(Tbl_Dialogue[Date], Tbl_Dialogue[Comment ID], Tbl_Comments[[#This Row],[Comment ID]]), Tbl_Comments[[#This Row],[Opening Date]]))</f>
        <v/>
      </c>
    </row>
    <row r="67" spans="1:7" ht="57.6">
      <c r="A67" s="26" t="str" cm="1">
        <f t="array" aca="1" ref="A6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2</v>
      </c>
      <c r="B67" s="8" t="s">
        <v>94</v>
      </c>
      <c r="C67" s="8" t="s">
        <v>64</v>
      </c>
      <c r="D67" s="2"/>
      <c r="E67" s="4"/>
      <c r="F67" s="28" t="str" cm="1">
        <f t="array" aca="1" ref="F6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7" s="7" t="str">
        <f ca="1">IF(MAX(_xlfn.MAXIFS(Tbl_Dialogue[Date], Tbl_Dialogue[Comment ID], Tbl_Comments[[#This Row],[Comment ID]]), Tbl_Comments[[#This Row],[Opening Date]])=0, "", MAX(_xlfn.MAXIFS(Tbl_Dialogue[Date], Tbl_Dialogue[Comment ID], Tbl_Comments[[#This Row],[Comment ID]]), Tbl_Comments[[#This Row],[Opening Date]]))</f>
        <v/>
      </c>
    </row>
    <row r="68" spans="1:7" ht="34.5">
      <c r="A68" s="26" t="str" cm="1">
        <f t="array" aca="1" ref="A6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3</v>
      </c>
      <c r="B68" s="8" t="s">
        <v>95</v>
      </c>
      <c r="C68" s="8" t="s">
        <v>64</v>
      </c>
      <c r="D68" s="2"/>
      <c r="E68" s="4"/>
      <c r="F68" s="28" t="str" cm="1">
        <f t="array" aca="1" ref="F6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8" s="7" t="str">
        <f ca="1">IF(MAX(_xlfn.MAXIFS(Tbl_Dialogue[Date], Tbl_Dialogue[Comment ID], Tbl_Comments[[#This Row],[Comment ID]]), Tbl_Comments[[#This Row],[Opening Date]])=0, "", MAX(_xlfn.MAXIFS(Tbl_Dialogue[Date], Tbl_Dialogue[Comment ID], Tbl_Comments[[#This Row],[Comment ID]]), Tbl_Comments[[#This Row],[Opening Date]]))</f>
        <v/>
      </c>
    </row>
    <row r="69" spans="1:7" ht="45.95">
      <c r="A69" s="26" t="str" cm="1">
        <f t="array" aca="1" ref="A6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4</v>
      </c>
      <c r="B69" s="8" t="s">
        <v>96</v>
      </c>
      <c r="C69" s="8" t="s">
        <v>64</v>
      </c>
      <c r="D69" s="2"/>
      <c r="E69" s="4"/>
      <c r="F69" s="28" t="str" cm="1">
        <f t="array" aca="1" ref="F6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69" s="7" t="str">
        <f ca="1">IF(MAX(_xlfn.MAXIFS(Tbl_Dialogue[Date], Tbl_Dialogue[Comment ID], Tbl_Comments[[#This Row],[Comment ID]]), Tbl_Comments[[#This Row],[Opening Date]])=0, "", MAX(_xlfn.MAXIFS(Tbl_Dialogue[Date], Tbl_Dialogue[Comment ID], Tbl_Comments[[#This Row],[Comment ID]]), Tbl_Comments[[#This Row],[Opening Date]]))</f>
        <v/>
      </c>
    </row>
    <row r="70" spans="1:7" ht="23.1">
      <c r="A70" s="26" t="str" cm="1">
        <f t="array" aca="1" ref="A7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5</v>
      </c>
      <c r="B70" s="8" t="s">
        <v>97</v>
      </c>
      <c r="C70" s="8" t="s">
        <v>64</v>
      </c>
      <c r="D70" s="2"/>
      <c r="E70" s="4"/>
      <c r="F70" s="28" t="str" cm="1">
        <f t="array" aca="1" ref="F7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0" s="7" t="str">
        <f ca="1">IF(MAX(_xlfn.MAXIFS(Tbl_Dialogue[Date], Tbl_Dialogue[Comment ID], Tbl_Comments[[#This Row],[Comment ID]]), Tbl_Comments[[#This Row],[Opening Date]])=0, "", MAX(_xlfn.MAXIFS(Tbl_Dialogue[Date], Tbl_Dialogue[Comment ID], Tbl_Comments[[#This Row],[Comment ID]]), Tbl_Comments[[#This Row],[Opening Date]]))</f>
        <v/>
      </c>
    </row>
    <row r="71" spans="1:7" ht="34.5">
      <c r="A71" s="26" t="str" cm="1">
        <f t="array" aca="1" ref="A7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6</v>
      </c>
      <c r="B71" s="8" t="s">
        <v>98</v>
      </c>
      <c r="C71" s="8" t="s">
        <v>64</v>
      </c>
      <c r="D71" s="2"/>
      <c r="E71" s="4"/>
      <c r="F71" s="28" t="str" cm="1">
        <f t="array" aca="1" ref="F7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1" s="7" t="str">
        <f ca="1">IF(MAX(_xlfn.MAXIFS(Tbl_Dialogue[Date], Tbl_Dialogue[Comment ID], Tbl_Comments[[#This Row],[Comment ID]]), Tbl_Comments[[#This Row],[Opening Date]])=0, "", MAX(_xlfn.MAXIFS(Tbl_Dialogue[Date], Tbl_Dialogue[Comment ID], Tbl_Comments[[#This Row],[Comment ID]]), Tbl_Comments[[#This Row],[Opening Date]]))</f>
        <v/>
      </c>
    </row>
    <row r="72" spans="1:7" ht="34.5">
      <c r="A72" s="26" t="str" cm="1">
        <f t="array" aca="1" ref="A7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9013</v>
      </c>
      <c r="B72" s="8" t="s">
        <v>99</v>
      </c>
      <c r="C72" s="8" t="s">
        <v>83</v>
      </c>
      <c r="D72" s="2"/>
      <c r="E72" s="4"/>
      <c r="F72" s="28" t="str" cm="1">
        <f t="array" aca="1" ref="F7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2" s="7" t="str">
        <f ca="1">IF(MAX(_xlfn.MAXIFS(Tbl_Dialogue[Date], Tbl_Dialogue[Comment ID], Tbl_Comments[[#This Row],[Comment ID]]), Tbl_Comments[[#This Row],[Opening Date]])=0, "", MAX(_xlfn.MAXIFS(Tbl_Dialogue[Date], Tbl_Dialogue[Comment ID], Tbl_Comments[[#This Row],[Comment ID]]), Tbl_Comments[[#This Row],[Opening Date]]))</f>
        <v/>
      </c>
    </row>
    <row r="73" spans="1:7" ht="69.599999999999994">
      <c r="A73" s="26" t="str" cm="1">
        <f t="array" aca="1" ref="A7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7</v>
      </c>
      <c r="B73" s="8" t="s">
        <v>100</v>
      </c>
      <c r="C73" s="8" t="s">
        <v>64</v>
      </c>
      <c r="D73" s="2"/>
      <c r="E73" s="4"/>
      <c r="F73" s="28" t="str" cm="1">
        <f t="array" aca="1" ref="F7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3" s="7" t="str">
        <f ca="1">IF(MAX(_xlfn.MAXIFS(Tbl_Dialogue[Date], Tbl_Dialogue[Comment ID], Tbl_Comments[[#This Row],[Comment ID]]), Tbl_Comments[[#This Row],[Opening Date]])=0, "", MAX(_xlfn.MAXIFS(Tbl_Dialogue[Date], Tbl_Dialogue[Comment ID], Tbl_Comments[[#This Row],[Comment ID]]), Tbl_Comments[[#This Row],[Opening Date]]))</f>
        <v/>
      </c>
    </row>
    <row r="74" spans="1:7" ht="81.599999999999994">
      <c r="A74" s="26" t="str" cm="1">
        <f t="array" aca="1" ref="A7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8</v>
      </c>
      <c r="B74" s="8" t="s">
        <v>101</v>
      </c>
      <c r="C74" s="8" t="s">
        <v>64</v>
      </c>
      <c r="D74" s="2"/>
      <c r="E74" s="4"/>
      <c r="F74" s="28" t="str" cm="1">
        <f t="array" aca="1" ref="F7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4" s="7" t="str">
        <f ca="1">IF(MAX(_xlfn.MAXIFS(Tbl_Dialogue[Date], Tbl_Dialogue[Comment ID], Tbl_Comments[[#This Row],[Comment ID]]), Tbl_Comments[[#This Row],[Opening Date]])=0, "", MAX(_xlfn.MAXIFS(Tbl_Dialogue[Date], Tbl_Dialogue[Comment ID], Tbl_Comments[[#This Row],[Comment ID]]), Tbl_Comments[[#This Row],[Opening Date]]))</f>
        <v/>
      </c>
    </row>
    <row r="75" spans="1:7" ht="93">
      <c r="A75" s="26" t="str" cm="1">
        <f t="array" aca="1" ref="A7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29</v>
      </c>
      <c r="B75" s="8" t="s">
        <v>102</v>
      </c>
      <c r="C75" s="8" t="s">
        <v>64</v>
      </c>
      <c r="D75" s="2"/>
      <c r="E75" s="4"/>
      <c r="F75" s="28" t="str" cm="1">
        <f t="array" aca="1" ref="F7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5" s="7" t="str">
        <f ca="1">IF(MAX(_xlfn.MAXIFS(Tbl_Dialogue[Date], Tbl_Dialogue[Comment ID], Tbl_Comments[[#This Row],[Comment ID]]), Tbl_Comments[[#This Row],[Opening Date]])=0, "", MAX(_xlfn.MAXIFS(Tbl_Dialogue[Date], Tbl_Dialogue[Comment ID], Tbl_Comments[[#This Row],[Comment ID]]), Tbl_Comments[[#This Row],[Opening Date]]))</f>
        <v/>
      </c>
    </row>
    <row r="76" spans="1:7" ht="81.599999999999994">
      <c r="A76" s="26" t="str" cm="1">
        <f t="array" aca="1" ref="A7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0</v>
      </c>
      <c r="B76" s="8" t="s">
        <v>103</v>
      </c>
      <c r="C76" s="8" t="s">
        <v>64</v>
      </c>
      <c r="D76" s="2"/>
      <c r="E76" s="4"/>
      <c r="F76" s="28" t="str" cm="1">
        <f t="array" aca="1" ref="F7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6" s="7" t="str">
        <f ca="1">IF(MAX(_xlfn.MAXIFS(Tbl_Dialogue[Date], Tbl_Dialogue[Comment ID], Tbl_Comments[[#This Row],[Comment ID]]), Tbl_Comments[[#This Row],[Opening Date]])=0, "", MAX(_xlfn.MAXIFS(Tbl_Dialogue[Date], Tbl_Dialogue[Comment ID], Tbl_Comments[[#This Row],[Comment ID]]), Tbl_Comments[[#This Row],[Opening Date]]))</f>
        <v/>
      </c>
    </row>
    <row r="77" spans="1:7" ht="69.599999999999994">
      <c r="A77" s="26" t="str" cm="1">
        <f t="array" aca="1" ref="A7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1</v>
      </c>
      <c r="B77" s="8" t="s">
        <v>104</v>
      </c>
      <c r="C77" s="8" t="s">
        <v>64</v>
      </c>
      <c r="D77" s="2"/>
      <c r="E77" s="4"/>
      <c r="F77" s="28" t="str" cm="1">
        <f t="array" aca="1" ref="F7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7" s="7" t="str">
        <f ca="1">IF(MAX(_xlfn.MAXIFS(Tbl_Dialogue[Date], Tbl_Dialogue[Comment ID], Tbl_Comments[[#This Row],[Comment ID]]), Tbl_Comments[[#This Row],[Opening Date]])=0, "", MAX(_xlfn.MAXIFS(Tbl_Dialogue[Date], Tbl_Dialogue[Comment ID], Tbl_Comments[[#This Row],[Comment ID]]), Tbl_Comments[[#This Row],[Opening Date]]))</f>
        <v/>
      </c>
    </row>
    <row r="78" spans="1:7" ht="104.1">
      <c r="A78" s="26" t="str" cm="1">
        <f t="array" aca="1" ref="A7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2</v>
      </c>
      <c r="B78" s="8" t="s">
        <v>105</v>
      </c>
      <c r="C78" s="8" t="s">
        <v>64</v>
      </c>
      <c r="D78" s="2"/>
      <c r="E78" s="4"/>
      <c r="F78" s="28" t="str" cm="1">
        <f t="array" aca="1" ref="F7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8" s="7" t="str">
        <f ca="1">IF(MAX(_xlfn.MAXIFS(Tbl_Dialogue[Date], Tbl_Dialogue[Comment ID], Tbl_Comments[[#This Row],[Comment ID]]), Tbl_Comments[[#This Row],[Opening Date]])=0, "", MAX(_xlfn.MAXIFS(Tbl_Dialogue[Date], Tbl_Dialogue[Comment ID], Tbl_Comments[[#This Row],[Comment ID]]), Tbl_Comments[[#This Row],[Opening Date]]))</f>
        <v/>
      </c>
    </row>
    <row r="79" spans="1:7" ht="34.5">
      <c r="A79" s="26" t="str" cm="1">
        <f t="array" aca="1" ref="A7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3</v>
      </c>
      <c r="B79" s="8" t="s">
        <v>106</v>
      </c>
      <c r="C79" s="8" t="s">
        <v>64</v>
      </c>
      <c r="D79" s="2"/>
      <c r="E79" s="4"/>
      <c r="F79" s="28" t="str" cm="1">
        <f t="array" aca="1" ref="F7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79" s="7" t="str">
        <f ca="1">IF(MAX(_xlfn.MAXIFS(Tbl_Dialogue[Date], Tbl_Dialogue[Comment ID], Tbl_Comments[[#This Row],[Comment ID]]), Tbl_Comments[[#This Row],[Opening Date]])=0, "", MAX(_xlfn.MAXIFS(Tbl_Dialogue[Date], Tbl_Dialogue[Comment ID], Tbl_Comments[[#This Row],[Comment ID]]), Tbl_Comments[[#This Row],[Opening Date]]))</f>
        <v/>
      </c>
    </row>
    <row r="80" spans="1:7" ht="138.6">
      <c r="A80" s="26" t="str" cm="1">
        <f t="array" aca="1" ref="A8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4</v>
      </c>
      <c r="B80" s="8" t="s">
        <v>107</v>
      </c>
      <c r="C80" s="8" t="s">
        <v>64</v>
      </c>
      <c r="D80" s="2"/>
      <c r="E80" s="4"/>
      <c r="F80" s="28" t="str" cm="1">
        <f t="array" aca="1" ref="F8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0" s="7" t="str">
        <f ca="1">IF(MAX(_xlfn.MAXIFS(Tbl_Dialogue[Date], Tbl_Dialogue[Comment ID], Tbl_Comments[[#This Row],[Comment ID]]), Tbl_Comments[[#This Row],[Opening Date]])=0, "", MAX(_xlfn.MAXIFS(Tbl_Dialogue[Date], Tbl_Dialogue[Comment ID], Tbl_Comments[[#This Row],[Comment ID]]), Tbl_Comments[[#This Row],[Opening Date]]))</f>
        <v/>
      </c>
    </row>
    <row r="81" spans="1:7" ht="46.5">
      <c r="A81" s="26" t="str" cm="1">
        <f t="array" aca="1" ref="A8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5</v>
      </c>
      <c r="B81" s="8" t="s">
        <v>108</v>
      </c>
      <c r="C81" s="8" t="s">
        <v>64</v>
      </c>
      <c r="D81" s="2"/>
      <c r="E81" s="4"/>
      <c r="F81" s="28" t="str" cm="1">
        <f t="array" aca="1" ref="F8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1" s="7" t="str">
        <f ca="1">IF(MAX(_xlfn.MAXIFS(Tbl_Dialogue[Date], Tbl_Dialogue[Comment ID], Tbl_Comments[[#This Row],[Comment ID]]), Tbl_Comments[[#This Row],[Opening Date]])=0, "", MAX(_xlfn.MAXIFS(Tbl_Dialogue[Date], Tbl_Dialogue[Comment ID], Tbl_Comments[[#This Row],[Comment ID]]), Tbl_Comments[[#This Row],[Opening Date]]))</f>
        <v/>
      </c>
    </row>
    <row r="82" spans="1:7" ht="58.5">
      <c r="A82" s="26" t="str" cm="1">
        <f t="array" aca="1" ref="A8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6</v>
      </c>
      <c r="B82" s="8" t="s">
        <v>109</v>
      </c>
      <c r="C82" s="8" t="s">
        <v>64</v>
      </c>
      <c r="D82" s="2"/>
      <c r="E82" s="4"/>
      <c r="F82" s="28" t="str" cm="1">
        <f t="array" aca="1" ref="F8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2" s="7" t="str">
        <f ca="1">IF(MAX(_xlfn.MAXIFS(Tbl_Dialogue[Date], Tbl_Dialogue[Comment ID], Tbl_Comments[[#This Row],[Comment ID]]), Tbl_Comments[[#This Row],[Opening Date]])=0, "", MAX(_xlfn.MAXIFS(Tbl_Dialogue[Date], Tbl_Dialogue[Comment ID], Tbl_Comments[[#This Row],[Comment ID]]), Tbl_Comments[[#This Row],[Opening Date]]))</f>
        <v/>
      </c>
    </row>
    <row r="83" spans="1:7" ht="58.5">
      <c r="A83" s="26" t="str" cm="1">
        <f t="array" aca="1" ref="A8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7</v>
      </c>
      <c r="B83" s="8" t="s">
        <v>110</v>
      </c>
      <c r="C83" s="8" t="s">
        <v>64</v>
      </c>
      <c r="D83" s="2"/>
      <c r="E83" s="4"/>
      <c r="F83" s="28" t="str" cm="1">
        <f t="array" aca="1" ref="F8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3" s="7" t="str">
        <f ca="1">IF(MAX(_xlfn.MAXIFS(Tbl_Dialogue[Date], Tbl_Dialogue[Comment ID], Tbl_Comments[[#This Row],[Comment ID]]), Tbl_Comments[[#This Row],[Opening Date]])=0, "", MAX(_xlfn.MAXIFS(Tbl_Dialogue[Date], Tbl_Dialogue[Comment ID], Tbl_Comments[[#This Row],[Comment ID]]), Tbl_Comments[[#This Row],[Opening Date]]))</f>
        <v/>
      </c>
    </row>
    <row r="84" spans="1:7" ht="81.599999999999994">
      <c r="A84" s="26" t="str" cm="1">
        <f t="array" aca="1" ref="A8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8</v>
      </c>
      <c r="B84" s="8" t="s">
        <v>111</v>
      </c>
      <c r="C84" s="8" t="s">
        <v>64</v>
      </c>
      <c r="D84" s="2"/>
      <c r="E84" s="4"/>
      <c r="F84" s="28" t="str" cm="1">
        <f t="array" aca="1" ref="F8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4" s="7" t="str">
        <f ca="1">IF(MAX(_xlfn.MAXIFS(Tbl_Dialogue[Date], Tbl_Dialogue[Comment ID], Tbl_Comments[[#This Row],[Comment ID]]), Tbl_Comments[[#This Row],[Opening Date]])=0, "", MAX(_xlfn.MAXIFS(Tbl_Dialogue[Date], Tbl_Dialogue[Comment ID], Tbl_Comments[[#This Row],[Comment ID]]), Tbl_Comments[[#This Row],[Opening Date]]))</f>
        <v/>
      </c>
    </row>
    <row r="85" spans="1:7" ht="57.95">
      <c r="A85" s="26" t="str" cm="1">
        <f t="array" aca="1" ref="A8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39</v>
      </c>
      <c r="B85" s="8" t="s">
        <v>112</v>
      </c>
      <c r="C85" s="8" t="s">
        <v>64</v>
      </c>
      <c r="D85" s="2"/>
      <c r="E85" s="4"/>
      <c r="F85" s="28" t="str" cm="1">
        <f t="array" aca="1" ref="F8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5" s="7" t="str">
        <f ca="1">IF(MAX(_xlfn.MAXIFS(Tbl_Dialogue[Date], Tbl_Dialogue[Comment ID], Tbl_Comments[[#This Row],[Comment ID]]), Tbl_Comments[[#This Row],[Opening Date]])=0, "", MAX(_xlfn.MAXIFS(Tbl_Dialogue[Date], Tbl_Dialogue[Comment ID], Tbl_Comments[[#This Row],[Comment ID]]), Tbl_Comments[[#This Row],[Opening Date]]))</f>
        <v/>
      </c>
    </row>
    <row r="86" spans="1:7" ht="69.599999999999994">
      <c r="A86" s="26" t="str" cm="1">
        <f t="array" aca="1" ref="A8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40</v>
      </c>
      <c r="B86" s="8" t="s">
        <v>113</v>
      </c>
      <c r="C86" s="8" t="s">
        <v>64</v>
      </c>
      <c r="D86" s="2"/>
      <c r="E86" s="4"/>
      <c r="F86" s="28" t="str" cm="1">
        <f t="array" aca="1" ref="F8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6" s="7" t="str">
        <f ca="1">IF(MAX(_xlfn.MAXIFS(Tbl_Dialogue[Date], Tbl_Dialogue[Comment ID], Tbl_Comments[[#This Row],[Comment ID]]), Tbl_Comments[[#This Row],[Opening Date]])=0, "", MAX(_xlfn.MAXIFS(Tbl_Dialogue[Date], Tbl_Dialogue[Comment ID], Tbl_Comments[[#This Row],[Comment ID]]), Tbl_Comments[[#This Row],[Opening Date]]))</f>
        <v/>
      </c>
    </row>
    <row r="87" spans="1:7" ht="57.95">
      <c r="A87" s="26" t="str" cm="1">
        <f t="array" aca="1" ref="A8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2041</v>
      </c>
      <c r="B87" s="8" t="s">
        <v>114</v>
      </c>
      <c r="C87" s="8" t="s">
        <v>64</v>
      </c>
      <c r="D87" s="2"/>
      <c r="E87" s="4"/>
      <c r="F87" s="28" t="str" cm="1">
        <f t="array" aca="1" ref="F8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7" s="7" t="str">
        <f ca="1">IF(MAX(_xlfn.MAXIFS(Tbl_Dialogue[Date], Tbl_Dialogue[Comment ID], Tbl_Comments[[#This Row],[Comment ID]]), Tbl_Comments[[#This Row],[Opening Date]])=0, "", MAX(_xlfn.MAXIFS(Tbl_Dialogue[Date], Tbl_Dialogue[Comment ID], Tbl_Comments[[#This Row],[Comment ID]]), Tbl_Comments[[#This Row],[Opening Date]]))</f>
        <v/>
      </c>
    </row>
    <row r="88" spans="1:7">
      <c r="A88" s="26" t="str" cm="1">
        <f t="array" aca="1" ref="A8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88" s="8"/>
      <c r="C88" s="8"/>
      <c r="D88" s="2"/>
      <c r="E88" s="4"/>
      <c r="F88" s="28" t="str" cm="1">
        <f t="array" aca="1" ref="F8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8" s="7" t="str">
        <f ca="1">IF(MAX(_xlfn.MAXIFS(Tbl_Dialogue[Date], Tbl_Dialogue[Comment ID], Tbl_Comments[[#This Row],[Comment ID]]), Tbl_Comments[[#This Row],[Opening Date]])=0, "", MAX(_xlfn.MAXIFS(Tbl_Dialogue[Date], Tbl_Dialogue[Comment ID], Tbl_Comments[[#This Row],[Comment ID]]), Tbl_Comments[[#This Row],[Opening Date]]))</f>
        <v/>
      </c>
    </row>
    <row r="89" spans="1:7">
      <c r="A89" s="26" t="str" cm="1">
        <f t="array" aca="1" ref="A8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89" s="8"/>
      <c r="C89" s="8"/>
      <c r="D89" s="2"/>
      <c r="E89" s="4"/>
      <c r="F89" s="28" t="str" cm="1">
        <f t="array" aca="1" ref="F8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89" s="7" t="str">
        <f ca="1">IF(MAX(_xlfn.MAXIFS(Tbl_Dialogue[Date], Tbl_Dialogue[Comment ID], Tbl_Comments[[#This Row],[Comment ID]]), Tbl_Comments[[#This Row],[Opening Date]])=0, "", MAX(_xlfn.MAXIFS(Tbl_Dialogue[Date], Tbl_Dialogue[Comment ID], Tbl_Comments[[#This Row],[Comment ID]]), Tbl_Comments[[#This Row],[Opening Date]]))</f>
        <v/>
      </c>
    </row>
    <row r="90" spans="1:7">
      <c r="A90" s="26" t="str" cm="1">
        <f t="array" aca="1" ref="A9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0" s="8"/>
      <c r="C90" s="8"/>
      <c r="D90" s="2"/>
      <c r="E90" s="4"/>
      <c r="F90" s="28" t="str" cm="1">
        <f t="array" aca="1" ref="F9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0" s="7" t="str">
        <f ca="1">IF(MAX(_xlfn.MAXIFS(Tbl_Dialogue[Date], Tbl_Dialogue[Comment ID], Tbl_Comments[[#This Row],[Comment ID]]), Tbl_Comments[[#This Row],[Opening Date]])=0, "", MAX(_xlfn.MAXIFS(Tbl_Dialogue[Date], Tbl_Dialogue[Comment ID], Tbl_Comments[[#This Row],[Comment ID]]), Tbl_Comments[[#This Row],[Opening Date]]))</f>
        <v/>
      </c>
    </row>
    <row r="91" spans="1:7">
      <c r="A91" s="26" t="str" cm="1">
        <f t="array" aca="1" ref="A9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1" s="8"/>
      <c r="C91" s="8"/>
      <c r="D91" s="2"/>
      <c r="E91" s="4"/>
      <c r="F91" s="28" t="str" cm="1">
        <f t="array" aca="1" ref="F9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1" s="7" t="str">
        <f ca="1">IF(MAX(_xlfn.MAXIFS(Tbl_Dialogue[Date], Tbl_Dialogue[Comment ID], Tbl_Comments[[#This Row],[Comment ID]]), Tbl_Comments[[#This Row],[Opening Date]])=0, "", MAX(_xlfn.MAXIFS(Tbl_Dialogue[Date], Tbl_Dialogue[Comment ID], Tbl_Comments[[#This Row],[Comment ID]]), Tbl_Comments[[#This Row],[Opening Date]]))</f>
        <v/>
      </c>
    </row>
    <row r="92" spans="1:7">
      <c r="A92" s="26" t="str" cm="1">
        <f t="array" aca="1" ref="A9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2" s="8"/>
      <c r="C92" s="8"/>
      <c r="D92" s="2"/>
      <c r="E92" s="4"/>
      <c r="F92" s="28" t="str" cm="1">
        <f t="array" aca="1" ref="F9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2" s="7" t="str">
        <f ca="1">IF(MAX(_xlfn.MAXIFS(Tbl_Dialogue[Date], Tbl_Dialogue[Comment ID], Tbl_Comments[[#This Row],[Comment ID]]), Tbl_Comments[[#This Row],[Opening Date]])=0, "", MAX(_xlfn.MAXIFS(Tbl_Dialogue[Date], Tbl_Dialogue[Comment ID], Tbl_Comments[[#This Row],[Comment ID]]), Tbl_Comments[[#This Row],[Opening Date]]))</f>
        <v/>
      </c>
    </row>
    <row r="93" spans="1:7">
      <c r="A93" s="26" t="str" cm="1">
        <f t="array" aca="1" ref="A9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3" s="8"/>
      <c r="C93" s="8"/>
      <c r="D93" s="2"/>
      <c r="E93" s="4"/>
      <c r="F93" s="28" t="str" cm="1">
        <f t="array" aca="1" ref="F9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3" s="7" t="str">
        <f ca="1">IF(MAX(_xlfn.MAXIFS(Tbl_Dialogue[Date], Tbl_Dialogue[Comment ID], Tbl_Comments[[#This Row],[Comment ID]]), Tbl_Comments[[#This Row],[Opening Date]])=0, "", MAX(_xlfn.MAXIFS(Tbl_Dialogue[Date], Tbl_Dialogue[Comment ID], Tbl_Comments[[#This Row],[Comment ID]]), Tbl_Comments[[#This Row],[Opening Date]]))</f>
        <v/>
      </c>
    </row>
    <row r="94" spans="1:7">
      <c r="A94" s="26" t="str" cm="1">
        <f t="array" aca="1" ref="A9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4" s="8"/>
      <c r="C94" s="8"/>
      <c r="D94" s="2"/>
      <c r="E94" s="4"/>
      <c r="F94" s="28" t="str" cm="1">
        <f t="array" aca="1" ref="F9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4" s="7" t="str">
        <f ca="1">IF(MAX(_xlfn.MAXIFS(Tbl_Dialogue[Date], Tbl_Dialogue[Comment ID], Tbl_Comments[[#This Row],[Comment ID]]), Tbl_Comments[[#This Row],[Opening Date]])=0, "", MAX(_xlfn.MAXIFS(Tbl_Dialogue[Date], Tbl_Dialogue[Comment ID], Tbl_Comments[[#This Row],[Comment ID]]), Tbl_Comments[[#This Row],[Opening Date]]))</f>
        <v/>
      </c>
    </row>
    <row r="95" spans="1:7">
      <c r="A95" s="26" t="str" cm="1">
        <f t="array" aca="1" ref="A9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5" s="8"/>
      <c r="C95" s="8"/>
      <c r="D95" s="2"/>
      <c r="E95" s="4"/>
      <c r="F95" s="28" t="str" cm="1">
        <f t="array" aca="1" ref="F9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5" s="7" t="str">
        <f ca="1">IF(MAX(_xlfn.MAXIFS(Tbl_Dialogue[Date], Tbl_Dialogue[Comment ID], Tbl_Comments[[#This Row],[Comment ID]]), Tbl_Comments[[#This Row],[Opening Date]])=0, "", MAX(_xlfn.MAXIFS(Tbl_Dialogue[Date], Tbl_Dialogue[Comment ID], Tbl_Comments[[#This Row],[Comment ID]]), Tbl_Comments[[#This Row],[Opening Date]]))</f>
        <v/>
      </c>
    </row>
    <row r="96" spans="1:7">
      <c r="A96" s="26" t="str" cm="1">
        <f t="array" aca="1" ref="A9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6" s="8"/>
      <c r="C96" s="8"/>
      <c r="D96" s="2"/>
      <c r="E96" s="4"/>
      <c r="F96" s="28" t="str" cm="1">
        <f t="array" aca="1" ref="F9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6" s="7" t="str">
        <f ca="1">IF(MAX(_xlfn.MAXIFS(Tbl_Dialogue[Date], Tbl_Dialogue[Comment ID], Tbl_Comments[[#This Row],[Comment ID]]), Tbl_Comments[[#This Row],[Opening Date]])=0, "", MAX(_xlfn.MAXIFS(Tbl_Dialogue[Date], Tbl_Dialogue[Comment ID], Tbl_Comments[[#This Row],[Comment ID]]), Tbl_Comments[[#This Row],[Opening Date]]))</f>
        <v/>
      </c>
    </row>
    <row r="97" spans="1:7">
      <c r="A97" s="26" t="str" cm="1">
        <f t="array" aca="1" ref="A9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7" s="8"/>
      <c r="C97" s="8"/>
      <c r="D97" s="2"/>
      <c r="E97" s="4"/>
      <c r="F97" s="28" t="str" cm="1">
        <f t="array" aca="1" ref="F9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7" s="7" t="str">
        <f ca="1">IF(MAX(_xlfn.MAXIFS(Tbl_Dialogue[Date], Tbl_Dialogue[Comment ID], Tbl_Comments[[#This Row],[Comment ID]]), Tbl_Comments[[#This Row],[Opening Date]])=0, "", MAX(_xlfn.MAXIFS(Tbl_Dialogue[Date], Tbl_Dialogue[Comment ID], Tbl_Comments[[#This Row],[Comment ID]]), Tbl_Comments[[#This Row],[Opening Date]]))</f>
        <v/>
      </c>
    </row>
    <row r="98" spans="1:7">
      <c r="A98" s="26" t="str" cm="1">
        <f t="array" aca="1" ref="A9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8" s="8"/>
      <c r="C98" s="8"/>
      <c r="D98" s="2"/>
      <c r="E98" s="4"/>
      <c r="F98" s="28" t="str" cm="1">
        <f t="array" aca="1" ref="F9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8" s="7" t="str">
        <f ca="1">IF(MAX(_xlfn.MAXIFS(Tbl_Dialogue[Date], Tbl_Dialogue[Comment ID], Tbl_Comments[[#This Row],[Comment ID]]), Tbl_Comments[[#This Row],[Opening Date]])=0, "", MAX(_xlfn.MAXIFS(Tbl_Dialogue[Date], Tbl_Dialogue[Comment ID], Tbl_Comments[[#This Row],[Comment ID]]), Tbl_Comments[[#This Row],[Opening Date]]))</f>
        <v/>
      </c>
    </row>
    <row r="99" spans="1:7">
      <c r="A99" s="26" t="str" cm="1">
        <f t="array" aca="1" ref="A9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99" s="8"/>
      <c r="C99" s="8"/>
      <c r="D99" s="2"/>
      <c r="E99" s="4"/>
      <c r="F99" s="28" t="str" cm="1">
        <f t="array" aca="1" ref="F9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99" s="7" t="str">
        <f ca="1">IF(MAX(_xlfn.MAXIFS(Tbl_Dialogue[Date], Tbl_Dialogue[Comment ID], Tbl_Comments[[#This Row],[Comment ID]]), Tbl_Comments[[#This Row],[Opening Date]])=0, "", MAX(_xlfn.MAXIFS(Tbl_Dialogue[Date], Tbl_Dialogue[Comment ID], Tbl_Comments[[#This Row],[Comment ID]]), Tbl_Comments[[#This Row],[Opening Date]]))</f>
        <v/>
      </c>
    </row>
    <row r="100" spans="1:7">
      <c r="A100" s="26" t="str" cm="1">
        <f t="array" aca="1" ref="A10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0" s="8"/>
      <c r="C100" s="8"/>
      <c r="D100" s="2"/>
      <c r="E100" s="4"/>
      <c r="F100" s="28" t="str" cm="1">
        <f t="array" aca="1" ref="F10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0" s="7" t="str">
        <f ca="1">IF(MAX(_xlfn.MAXIFS(Tbl_Dialogue[Date], Tbl_Dialogue[Comment ID], Tbl_Comments[[#This Row],[Comment ID]]), Tbl_Comments[[#This Row],[Opening Date]])=0, "", MAX(_xlfn.MAXIFS(Tbl_Dialogue[Date], Tbl_Dialogue[Comment ID], Tbl_Comments[[#This Row],[Comment ID]]), Tbl_Comments[[#This Row],[Opening Date]]))</f>
        <v/>
      </c>
    </row>
    <row r="101" spans="1:7">
      <c r="A101" s="26" t="str" cm="1">
        <f t="array" aca="1" ref="A10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1" s="8"/>
      <c r="C101" s="8"/>
      <c r="D101" s="2"/>
      <c r="E101" s="4"/>
      <c r="F101" s="28" t="str" cm="1">
        <f t="array" aca="1" ref="F10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1" s="7" t="str">
        <f ca="1">IF(MAX(_xlfn.MAXIFS(Tbl_Dialogue[Date], Tbl_Dialogue[Comment ID], Tbl_Comments[[#This Row],[Comment ID]]), Tbl_Comments[[#This Row],[Opening Date]])=0, "", MAX(_xlfn.MAXIFS(Tbl_Dialogue[Date], Tbl_Dialogue[Comment ID], Tbl_Comments[[#This Row],[Comment ID]]), Tbl_Comments[[#This Row],[Opening Date]]))</f>
        <v/>
      </c>
    </row>
    <row r="102" spans="1:7">
      <c r="A102" s="26" t="str" cm="1">
        <f t="array" aca="1" ref="A10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2" s="8"/>
      <c r="C102" s="8"/>
      <c r="D102" s="2"/>
      <c r="E102" s="4"/>
      <c r="F102" s="28" t="str" cm="1">
        <f t="array" aca="1" ref="F10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2" s="7" t="str">
        <f ca="1">IF(MAX(_xlfn.MAXIFS(Tbl_Dialogue[Date], Tbl_Dialogue[Comment ID], Tbl_Comments[[#This Row],[Comment ID]]), Tbl_Comments[[#This Row],[Opening Date]])=0, "", MAX(_xlfn.MAXIFS(Tbl_Dialogue[Date], Tbl_Dialogue[Comment ID], Tbl_Comments[[#This Row],[Comment ID]]), Tbl_Comments[[#This Row],[Opening Date]]))</f>
        <v/>
      </c>
    </row>
    <row r="103" spans="1:7">
      <c r="A103" s="26" t="str" cm="1">
        <f t="array" aca="1" ref="A10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3" s="8"/>
      <c r="C103" s="8"/>
      <c r="D103" s="2"/>
      <c r="E103" s="4"/>
      <c r="F103" s="28" t="str" cm="1">
        <f t="array" aca="1" ref="F10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3" s="7" t="str">
        <f ca="1">IF(MAX(_xlfn.MAXIFS(Tbl_Dialogue[Date], Tbl_Dialogue[Comment ID], Tbl_Comments[[#This Row],[Comment ID]]), Tbl_Comments[[#This Row],[Opening Date]])=0, "", MAX(_xlfn.MAXIFS(Tbl_Dialogue[Date], Tbl_Dialogue[Comment ID], Tbl_Comments[[#This Row],[Comment ID]]), Tbl_Comments[[#This Row],[Opening Date]]))</f>
        <v/>
      </c>
    </row>
    <row r="104" spans="1:7">
      <c r="A104" s="26" t="str" cm="1">
        <f t="array" aca="1" ref="A10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4" s="8"/>
      <c r="C104" s="8"/>
      <c r="D104" s="2"/>
      <c r="E104" s="4"/>
      <c r="F104" s="28" t="str" cm="1">
        <f t="array" aca="1" ref="F10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4" s="7" t="str">
        <f ca="1">IF(MAX(_xlfn.MAXIFS(Tbl_Dialogue[Date], Tbl_Dialogue[Comment ID], Tbl_Comments[[#This Row],[Comment ID]]), Tbl_Comments[[#This Row],[Opening Date]])=0, "", MAX(_xlfn.MAXIFS(Tbl_Dialogue[Date], Tbl_Dialogue[Comment ID], Tbl_Comments[[#This Row],[Comment ID]]), Tbl_Comments[[#This Row],[Opening Date]]))</f>
        <v/>
      </c>
    </row>
    <row r="105" spans="1:7">
      <c r="A105" s="26" t="str" cm="1">
        <f t="array" aca="1" ref="A10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5" s="8"/>
      <c r="C105" s="8"/>
      <c r="D105" s="2"/>
      <c r="E105" s="4"/>
      <c r="F105" s="28" t="str" cm="1">
        <f t="array" aca="1" ref="F10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5" s="7" t="str">
        <f ca="1">IF(MAX(_xlfn.MAXIFS(Tbl_Dialogue[Date], Tbl_Dialogue[Comment ID], Tbl_Comments[[#This Row],[Comment ID]]), Tbl_Comments[[#This Row],[Opening Date]])=0, "", MAX(_xlfn.MAXIFS(Tbl_Dialogue[Date], Tbl_Dialogue[Comment ID], Tbl_Comments[[#This Row],[Comment ID]]), Tbl_Comments[[#This Row],[Opening Date]]))</f>
        <v/>
      </c>
    </row>
    <row r="106" spans="1:7">
      <c r="A106" s="26" t="str" cm="1">
        <f t="array" aca="1" ref="A10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6" s="8"/>
      <c r="C106" s="8"/>
      <c r="D106" s="2"/>
      <c r="E106" s="4"/>
      <c r="F106" s="28" t="str" cm="1">
        <f t="array" aca="1" ref="F10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6" s="7" t="str">
        <f ca="1">IF(MAX(_xlfn.MAXIFS(Tbl_Dialogue[Date], Tbl_Dialogue[Comment ID], Tbl_Comments[[#This Row],[Comment ID]]), Tbl_Comments[[#This Row],[Opening Date]])=0, "", MAX(_xlfn.MAXIFS(Tbl_Dialogue[Date], Tbl_Dialogue[Comment ID], Tbl_Comments[[#This Row],[Comment ID]]), Tbl_Comments[[#This Row],[Opening Date]]))</f>
        <v/>
      </c>
    </row>
    <row r="107" spans="1:7">
      <c r="A107" s="26" t="str" cm="1">
        <f t="array" aca="1" ref="A10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7" s="8"/>
      <c r="C107" s="8"/>
      <c r="D107" s="2"/>
      <c r="E107" s="4"/>
      <c r="F107" s="28" t="str" cm="1">
        <f t="array" aca="1" ref="F10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7" s="7" t="str">
        <f ca="1">IF(MAX(_xlfn.MAXIFS(Tbl_Dialogue[Date], Tbl_Dialogue[Comment ID], Tbl_Comments[[#This Row],[Comment ID]]), Tbl_Comments[[#This Row],[Opening Date]])=0, "", MAX(_xlfn.MAXIFS(Tbl_Dialogue[Date], Tbl_Dialogue[Comment ID], Tbl_Comments[[#This Row],[Comment ID]]), Tbl_Comments[[#This Row],[Opening Date]]))</f>
        <v/>
      </c>
    </row>
    <row r="108" spans="1:7">
      <c r="A108" s="26" t="str" cm="1">
        <f t="array" aca="1" ref="A10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8" s="8"/>
      <c r="C108" s="8"/>
      <c r="D108" s="2"/>
      <c r="E108" s="4"/>
      <c r="F108" s="28" t="str" cm="1">
        <f t="array" aca="1" ref="F10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8" s="7" t="str">
        <f ca="1">IF(MAX(_xlfn.MAXIFS(Tbl_Dialogue[Date], Tbl_Dialogue[Comment ID], Tbl_Comments[[#This Row],[Comment ID]]), Tbl_Comments[[#This Row],[Opening Date]])=0, "", MAX(_xlfn.MAXIFS(Tbl_Dialogue[Date], Tbl_Dialogue[Comment ID], Tbl_Comments[[#This Row],[Comment ID]]), Tbl_Comments[[#This Row],[Opening Date]]))</f>
        <v/>
      </c>
    </row>
    <row r="109" spans="1:7">
      <c r="A109" s="26" t="str" cm="1">
        <f t="array" aca="1" ref="A10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09" s="8"/>
      <c r="C109" s="8"/>
      <c r="D109" s="2"/>
      <c r="E109" s="4"/>
      <c r="F109" s="14" t="str" cm="1">
        <f t="array" aca="1" ref="F10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09" s="7" t="str">
        <f ca="1">IF(MAX(_xlfn.MAXIFS(Tbl_Dialogue[Date], Tbl_Dialogue[Comment ID], Tbl_Comments[[#This Row],[Comment ID]]), Tbl_Comments[[#This Row],[Opening Date]])=0, "", MAX(_xlfn.MAXIFS(Tbl_Dialogue[Date], Tbl_Dialogue[Comment ID], Tbl_Comments[[#This Row],[Comment ID]]), Tbl_Comments[[#This Row],[Opening Date]]))</f>
        <v/>
      </c>
    </row>
    <row r="110" spans="1:7">
      <c r="A110" s="26" t="str" cm="1">
        <f t="array" aca="1" ref="A11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10" s="8"/>
      <c r="C110" s="8"/>
      <c r="D110" s="2"/>
      <c r="E110" s="4"/>
      <c r="F110" s="14" t="str" cm="1">
        <f t="array" aca="1" ref="F11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0" s="7" t="str">
        <f ca="1">IF(MAX(_xlfn.MAXIFS(Tbl_Dialogue[Date], Tbl_Dialogue[Comment ID], Tbl_Comments[[#This Row],[Comment ID]]), Tbl_Comments[[#This Row],[Opening Date]])=0, "", MAX(_xlfn.MAXIFS(Tbl_Dialogue[Date], Tbl_Dialogue[Comment ID], Tbl_Comments[[#This Row],[Comment ID]]), Tbl_Comments[[#This Row],[Opening Date]]))</f>
        <v/>
      </c>
    </row>
    <row r="111" spans="1:7">
      <c r="A111" s="26" t="str" cm="1">
        <f t="array" aca="1" ref="A11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11" s="8"/>
      <c r="C111" s="8"/>
      <c r="D111" s="2"/>
      <c r="E111" s="4"/>
      <c r="F111" s="14" t="str" cm="1">
        <f t="array" aca="1" ref="F11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1" s="7" t="str">
        <f ca="1">IF(MAX(_xlfn.MAXIFS(Tbl_Dialogue[Date], Tbl_Dialogue[Comment ID], Tbl_Comments[[#This Row],[Comment ID]]), Tbl_Comments[[#This Row],[Opening Date]])=0, "", MAX(_xlfn.MAXIFS(Tbl_Dialogue[Date], Tbl_Dialogue[Comment ID], Tbl_Comments[[#This Row],[Comment ID]]), Tbl_Comments[[#This Row],[Opening Date]]))</f>
        <v/>
      </c>
    </row>
    <row r="112" spans="1:7">
      <c r="A112" s="26" t="str" cm="1">
        <f t="array" aca="1" ref="A11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12" s="8"/>
      <c r="C112" s="8"/>
      <c r="D112" s="2"/>
      <c r="E112" s="4"/>
      <c r="F112" s="14" t="str" cm="1">
        <f t="array" aca="1" ref="F11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2" s="7" t="str">
        <f ca="1">IF(MAX(_xlfn.MAXIFS(Tbl_Dialogue[Date], Tbl_Dialogue[Comment ID], Tbl_Comments[[#This Row],[Comment ID]]), Tbl_Comments[[#This Row],[Opening Date]])=0, "", MAX(_xlfn.MAXIFS(Tbl_Dialogue[Date], Tbl_Dialogue[Comment ID], Tbl_Comments[[#This Row],[Comment ID]]), Tbl_Comments[[#This Row],[Opening Date]]))</f>
        <v/>
      </c>
    </row>
    <row r="113" spans="1:7">
      <c r="A113" s="26" t="str" cm="1">
        <f t="array" aca="1" ref="A11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13" s="8"/>
      <c r="C113" s="8"/>
      <c r="D113" s="2"/>
      <c r="E113" s="4"/>
      <c r="F113" s="14" t="str" cm="1">
        <f t="array" aca="1" ref="F11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3" s="7" t="str">
        <f ca="1">IF(MAX(_xlfn.MAXIFS(Tbl_Dialogue[Date], Tbl_Dialogue[Comment ID], Tbl_Comments[[#This Row],[Comment ID]]), Tbl_Comments[[#This Row],[Opening Date]])=0, "", MAX(_xlfn.MAXIFS(Tbl_Dialogue[Date], Tbl_Dialogue[Comment ID], Tbl_Comments[[#This Row],[Comment ID]]), Tbl_Comments[[#This Row],[Opening Date]]))</f>
        <v/>
      </c>
    </row>
    <row r="114" spans="1:7">
      <c r="A114" s="26" t="str" cm="1">
        <f t="array" aca="1" ref="A11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14" s="8"/>
      <c r="C114" s="8"/>
      <c r="D114" s="2"/>
      <c r="E114" s="4"/>
      <c r="F114" s="14" t="str" cm="1">
        <f t="array" aca="1" ref="F11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4" s="7" t="str">
        <f ca="1">IF(MAX(_xlfn.MAXIFS(Tbl_Dialogue[Date], Tbl_Dialogue[Comment ID], Tbl_Comments[[#This Row],[Comment ID]]), Tbl_Comments[[#This Row],[Opening Date]])=0, "", MAX(_xlfn.MAXIFS(Tbl_Dialogue[Date], Tbl_Dialogue[Comment ID], Tbl_Comments[[#This Row],[Comment ID]]), Tbl_Comments[[#This Row],[Opening Date]]))</f>
        <v/>
      </c>
    </row>
    <row r="115" spans="1:7">
      <c r="A115" s="26" t="str" cm="1">
        <f t="array" aca="1" ref="A11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15" s="8"/>
      <c r="C115" s="8"/>
      <c r="D115" s="2"/>
      <c r="E115" s="4"/>
      <c r="F115" s="14" t="str" cm="1">
        <f t="array" aca="1" ref="F11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5" s="7" t="str">
        <f ca="1">IF(MAX(_xlfn.MAXIFS(Tbl_Dialogue[Date], Tbl_Dialogue[Comment ID], Tbl_Comments[[#This Row],[Comment ID]]), Tbl_Comments[[#This Row],[Opening Date]])=0, "", MAX(_xlfn.MAXIFS(Tbl_Dialogue[Date], Tbl_Dialogue[Comment ID], Tbl_Comments[[#This Row],[Comment ID]]), Tbl_Comments[[#This Row],[Opening Date]]))</f>
        <v/>
      </c>
    </row>
    <row r="116" spans="1:7">
      <c r="A116" s="26" t="str" cm="1">
        <f t="array" aca="1" ref="A11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16" s="8"/>
      <c r="C116" s="8"/>
      <c r="D116" s="2"/>
      <c r="E116" s="4"/>
      <c r="F116" s="14" t="str" cm="1">
        <f t="array" aca="1" ref="F11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6" s="7" t="str">
        <f ca="1">IF(MAX(_xlfn.MAXIFS(Tbl_Dialogue[Date], Tbl_Dialogue[Comment ID], Tbl_Comments[[#This Row],[Comment ID]]), Tbl_Comments[[#This Row],[Opening Date]])=0, "", MAX(_xlfn.MAXIFS(Tbl_Dialogue[Date], Tbl_Dialogue[Comment ID], Tbl_Comments[[#This Row],[Comment ID]]), Tbl_Comments[[#This Row],[Opening Date]]))</f>
        <v/>
      </c>
    </row>
    <row r="117" spans="1:7">
      <c r="A117" s="26" t="str" cm="1">
        <f t="array" aca="1" ref="A11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17" s="8"/>
      <c r="C117" s="8"/>
      <c r="D117" s="2"/>
      <c r="E117" s="4"/>
      <c r="F117" s="14" t="str" cm="1">
        <f t="array" aca="1" ref="F11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7" s="7" t="str">
        <f ca="1">IF(MAX(_xlfn.MAXIFS(Tbl_Dialogue[Date], Tbl_Dialogue[Comment ID], Tbl_Comments[[#This Row],[Comment ID]]), Tbl_Comments[[#This Row],[Opening Date]])=0, "", MAX(_xlfn.MAXIFS(Tbl_Dialogue[Date], Tbl_Dialogue[Comment ID], Tbl_Comments[[#This Row],[Comment ID]]), Tbl_Comments[[#This Row],[Opening Date]]))</f>
        <v/>
      </c>
    </row>
    <row r="118" spans="1:7">
      <c r="A118" s="26" t="str" cm="1">
        <f t="array" aca="1" ref="A11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18" s="8"/>
      <c r="C118" s="8"/>
      <c r="D118" s="2"/>
      <c r="E118" s="4"/>
      <c r="F118" s="14" t="str" cm="1">
        <f t="array" aca="1" ref="F11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18" s="7" t="str">
        <f ca="1">IF(MAX(_xlfn.MAXIFS(Tbl_Dialogue[Date], Tbl_Dialogue[Comment ID], Tbl_Comments[[#This Row],[Comment ID]]), Tbl_Comments[[#This Row],[Opening Date]])=0, "", MAX(_xlfn.MAXIFS(Tbl_Dialogue[Date], Tbl_Dialogue[Comment ID], Tbl_Comments[[#This Row],[Comment ID]]), Tbl_Comments[[#This Row],[Opening Date]]))</f>
        <v/>
      </c>
    </row>
    <row r="119" spans="1:7">
      <c r="A119" s="27"/>
      <c r="B119" s="8"/>
      <c r="C119" s="8"/>
      <c r="D119" s="2"/>
      <c r="E119" s="4"/>
      <c r="F119" s="14"/>
      <c r="G119" s="7"/>
    </row>
    <row r="120" spans="1:7">
      <c r="A120" s="27"/>
      <c r="B120" s="8"/>
      <c r="C120" s="8"/>
      <c r="D120" s="2"/>
      <c r="E120" s="4"/>
      <c r="F120" s="14"/>
      <c r="G120" s="7"/>
    </row>
    <row r="121" spans="1:7">
      <c r="A121" s="27"/>
      <c r="B121" s="8"/>
      <c r="C121" s="8"/>
      <c r="D121" s="2"/>
      <c r="E121" s="4"/>
      <c r="F121" s="14"/>
      <c r="G121" s="7"/>
    </row>
    <row r="122" spans="1:7">
      <c r="A122" s="27"/>
      <c r="B122" s="8"/>
      <c r="C122" s="8"/>
      <c r="D122" s="2"/>
      <c r="E122" s="4"/>
      <c r="F122" s="14"/>
      <c r="G122" s="7"/>
    </row>
    <row r="123" spans="1:7">
      <c r="A123" s="27"/>
      <c r="B123" s="8"/>
      <c r="C123" s="8"/>
      <c r="D123" s="2"/>
      <c r="E123" s="4"/>
      <c r="F123" s="14"/>
      <c r="G123" s="7"/>
    </row>
    <row r="124" spans="1:7">
      <c r="A124" s="27"/>
      <c r="B124" s="8"/>
      <c r="C124" s="8"/>
      <c r="D124" s="2"/>
      <c r="E124" s="4"/>
      <c r="F124" s="14"/>
      <c r="G124" s="7"/>
    </row>
    <row r="125" spans="1:7">
      <c r="A125" s="27"/>
      <c r="B125" s="8"/>
      <c r="C125" s="8"/>
      <c r="D125" s="2"/>
      <c r="E125" s="4"/>
      <c r="F125" s="14"/>
      <c r="G125" s="7"/>
    </row>
    <row r="126" spans="1:7">
      <c r="A126" s="27"/>
      <c r="B126" s="8"/>
      <c r="C126" s="8"/>
      <c r="D126" s="2"/>
      <c r="E126" s="4"/>
      <c r="F126" s="14"/>
      <c r="G126" s="7"/>
    </row>
    <row r="127" spans="1:7">
      <c r="A127" s="27"/>
      <c r="B127" s="8"/>
      <c r="C127" s="8"/>
      <c r="D127" s="2"/>
      <c r="E127" s="4"/>
      <c r="F127" s="14"/>
      <c r="G127" s="7"/>
    </row>
    <row r="128" spans="1:7">
      <c r="A128" s="27"/>
      <c r="B128" s="8"/>
      <c r="C128" s="8"/>
      <c r="D128" s="2"/>
      <c r="E128" s="4"/>
      <c r="F128" s="14"/>
      <c r="G128" s="7"/>
    </row>
    <row r="129" spans="1:7">
      <c r="A129" s="27"/>
      <c r="B129" s="8"/>
      <c r="C129" s="8"/>
      <c r="D129" s="2"/>
      <c r="E129" s="4"/>
      <c r="F129" s="14"/>
      <c r="G129" s="7"/>
    </row>
    <row r="130" spans="1:7">
      <c r="A130" s="27"/>
      <c r="B130" s="8"/>
      <c r="C130" s="8"/>
      <c r="D130" s="2"/>
      <c r="E130" s="4"/>
      <c r="F130" s="14"/>
      <c r="G130" s="7"/>
    </row>
    <row r="131" spans="1:7">
      <c r="A131" s="27"/>
      <c r="B131" s="8"/>
      <c r="C131" s="8"/>
      <c r="D131" s="2"/>
      <c r="E131" s="4"/>
      <c r="F131" s="14"/>
      <c r="G131" s="7"/>
    </row>
    <row r="132" spans="1:7">
      <c r="A132" s="27"/>
      <c r="B132" s="8"/>
      <c r="C132" s="8"/>
      <c r="D132" s="2"/>
      <c r="E132" s="4"/>
      <c r="F132" s="14"/>
      <c r="G132" s="7"/>
    </row>
    <row r="133" spans="1:7">
      <c r="A133" s="27"/>
      <c r="B133" s="8"/>
      <c r="C133" s="8"/>
      <c r="D133" s="2"/>
      <c r="E133" s="4"/>
      <c r="F133" s="14"/>
      <c r="G133" s="7"/>
    </row>
    <row r="134" spans="1:7">
      <c r="A134" s="27"/>
      <c r="B134" s="8"/>
      <c r="C134" s="8"/>
      <c r="D134" s="2"/>
      <c r="E134" s="4"/>
      <c r="F134" s="14"/>
      <c r="G134" s="7"/>
    </row>
    <row r="135" spans="1:7">
      <c r="A135" s="27"/>
      <c r="B135" s="8"/>
      <c r="C135" s="8"/>
      <c r="D135" s="2"/>
      <c r="E135" s="4"/>
      <c r="F135" s="14"/>
      <c r="G135" s="7"/>
    </row>
    <row r="136" spans="1:7">
      <c r="A136" s="27"/>
      <c r="B136" s="8"/>
      <c r="C136" s="8"/>
      <c r="D136" s="2"/>
      <c r="E136" s="4"/>
      <c r="F136" s="14"/>
      <c r="G136" s="7"/>
    </row>
    <row r="137" spans="1:7">
      <c r="A137" s="27"/>
      <c r="B137" s="8"/>
      <c r="C137" s="8"/>
      <c r="D137" s="2"/>
      <c r="E137" s="4"/>
      <c r="F137" s="14"/>
      <c r="G137" s="7"/>
    </row>
    <row r="138" spans="1:7">
      <c r="A138" s="27"/>
      <c r="B138" s="8"/>
      <c r="C138" s="8"/>
      <c r="D138" s="2"/>
      <c r="E138" s="4"/>
      <c r="F138" s="14"/>
      <c r="G138" s="7"/>
    </row>
    <row r="139" spans="1:7">
      <c r="A139" s="27"/>
      <c r="B139" s="8"/>
      <c r="C139" s="8"/>
      <c r="D139" s="2"/>
      <c r="E139" s="4"/>
      <c r="F139" s="14"/>
      <c r="G139" s="7"/>
    </row>
    <row r="140" spans="1:7">
      <c r="A140" s="27"/>
      <c r="B140" s="8"/>
      <c r="C140" s="8"/>
      <c r="D140" s="2"/>
      <c r="E140" s="4"/>
      <c r="F140" s="14"/>
      <c r="G140" s="7"/>
    </row>
    <row r="141" spans="1:7">
      <c r="A141" s="27" t="str" cm="1">
        <f t="array" aca="1" ref="A141"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41" s="8"/>
      <c r="C141" s="8"/>
      <c r="D141" s="2"/>
      <c r="E141" s="4"/>
      <c r="F141" s="14" t="str" cm="1">
        <f t="array" aca="1" ref="F141"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1" s="7" t="str">
        <f ca="1">IF(MAX(_xlfn.MAXIFS(Tbl_Dialogue[Date], Tbl_Dialogue[Comment ID], Tbl_Comments[[#This Row],[Comment ID]]), Tbl_Comments[[#This Row],[Opening Date]])=0, "", MAX(_xlfn.MAXIFS(Tbl_Dialogue[Date], Tbl_Dialogue[Comment ID], Tbl_Comments[[#This Row],[Comment ID]]), Tbl_Comments[[#This Row],[Opening Date]]))</f>
        <v/>
      </c>
    </row>
    <row r="142" spans="1:7">
      <c r="A142" s="27" t="str" cm="1">
        <f t="array" aca="1" ref="A142"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42" s="8"/>
      <c r="C142" s="8"/>
      <c r="D142" s="2"/>
      <c r="E142" s="4"/>
      <c r="F142" s="14" t="str" cm="1">
        <f t="array" aca="1" ref="F142"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2" s="7" t="str">
        <f ca="1">IF(MAX(_xlfn.MAXIFS(Tbl_Dialogue[Date], Tbl_Dialogue[Comment ID], Tbl_Comments[[#This Row],[Comment ID]]), Tbl_Comments[[#This Row],[Opening Date]])=0, "", MAX(_xlfn.MAXIFS(Tbl_Dialogue[Date], Tbl_Dialogue[Comment ID], Tbl_Comments[[#This Row],[Comment ID]]), Tbl_Comments[[#This Row],[Opening Date]]))</f>
        <v/>
      </c>
    </row>
    <row r="143" spans="1:7">
      <c r="A143" s="27" t="str" cm="1">
        <f t="array" aca="1" ref="A143"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43" s="8"/>
      <c r="C143" s="8"/>
      <c r="D143" s="2"/>
      <c r="E143" s="4"/>
      <c r="F143" s="14" t="str" cm="1">
        <f t="array" aca="1" ref="F143"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3" s="7" t="str">
        <f ca="1">IF(MAX(_xlfn.MAXIFS(Tbl_Dialogue[Date], Tbl_Dialogue[Comment ID], Tbl_Comments[[#This Row],[Comment ID]]), Tbl_Comments[[#This Row],[Opening Date]])=0, "", MAX(_xlfn.MAXIFS(Tbl_Dialogue[Date], Tbl_Dialogue[Comment ID], Tbl_Comments[[#This Row],[Comment ID]]), Tbl_Comments[[#This Row],[Opening Date]]))</f>
        <v/>
      </c>
    </row>
    <row r="144" spans="1:7">
      <c r="A144" s="27" t="str" cm="1">
        <f t="array" aca="1" ref="A144"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44" s="8"/>
      <c r="C144" s="8"/>
      <c r="D144" s="2"/>
      <c r="E144" s="4"/>
      <c r="F144" s="14" t="str" cm="1">
        <f t="array" aca="1" ref="F144"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4" s="7" t="str">
        <f ca="1">IF(MAX(_xlfn.MAXIFS(Tbl_Dialogue[Date], Tbl_Dialogue[Comment ID], Tbl_Comments[[#This Row],[Comment ID]]), Tbl_Comments[[#This Row],[Opening Date]])=0, "", MAX(_xlfn.MAXIFS(Tbl_Dialogue[Date], Tbl_Dialogue[Comment ID], Tbl_Comments[[#This Row],[Comment ID]]), Tbl_Comments[[#This Row],[Opening Date]]))</f>
        <v/>
      </c>
    </row>
    <row r="145" spans="1:7">
      <c r="A145" s="27" t="str" cm="1">
        <f t="array" aca="1" ref="A145"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45" s="8"/>
      <c r="C145" s="8"/>
      <c r="D145" s="2"/>
      <c r="E145" s="4"/>
      <c r="F145" s="14" t="str" cm="1">
        <f t="array" aca="1" ref="F145"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5" s="7" t="str">
        <f ca="1">IF(MAX(_xlfn.MAXIFS(Tbl_Dialogue[Date], Tbl_Dialogue[Comment ID], Tbl_Comments[[#This Row],[Comment ID]]), Tbl_Comments[[#This Row],[Opening Date]])=0, "", MAX(_xlfn.MAXIFS(Tbl_Dialogue[Date], Tbl_Dialogue[Comment ID], Tbl_Comments[[#This Row],[Comment ID]]), Tbl_Comments[[#This Row],[Opening Date]]))</f>
        <v/>
      </c>
    </row>
    <row r="146" spans="1:7">
      <c r="A146" s="27" t="str" cm="1">
        <f t="array" aca="1" ref="A146"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46" s="8"/>
      <c r="C146" s="8"/>
      <c r="D146" s="2"/>
      <c r="E146" s="4"/>
      <c r="F146" s="14" t="str" cm="1">
        <f t="array" aca="1" ref="F146"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6" s="7" t="str">
        <f ca="1">IF(MAX(_xlfn.MAXIFS(Tbl_Dialogue[Date], Tbl_Dialogue[Comment ID], Tbl_Comments[[#This Row],[Comment ID]]), Tbl_Comments[[#This Row],[Opening Date]])=0, "", MAX(_xlfn.MAXIFS(Tbl_Dialogue[Date], Tbl_Dialogue[Comment ID], Tbl_Comments[[#This Row],[Comment ID]]), Tbl_Comments[[#This Row],[Opening Date]]))</f>
        <v/>
      </c>
    </row>
    <row r="147" spans="1:7">
      <c r="A147" s="27" t="str" cm="1">
        <f t="array" aca="1" ref="A147"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47" s="8"/>
      <c r="C147" s="8"/>
      <c r="D147" s="2"/>
      <c r="E147" s="4"/>
      <c r="F147" s="14" t="str" cm="1">
        <f t="array" aca="1" ref="F147"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7" s="7" t="str">
        <f ca="1">IF(MAX(_xlfn.MAXIFS(Tbl_Dialogue[Date], Tbl_Dialogue[Comment ID], Tbl_Comments[[#This Row],[Comment ID]]), Tbl_Comments[[#This Row],[Opening Date]])=0, "", MAX(_xlfn.MAXIFS(Tbl_Dialogue[Date], Tbl_Dialogue[Comment ID], Tbl_Comments[[#This Row],[Comment ID]]), Tbl_Comments[[#This Row],[Opening Date]]))</f>
        <v/>
      </c>
    </row>
    <row r="148" spans="1:7">
      <c r="A148" s="27" t="str" cm="1">
        <f t="array" aca="1" ref="A148"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48" s="8"/>
      <c r="C148" s="8"/>
      <c r="D148" s="2"/>
      <c r="E148" s="4"/>
      <c r="F148" s="14" t="str" cm="1">
        <f t="array" aca="1" ref="F148"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8" s="7" t="str">
        <f ca="1">IF(MAX(_xlfn.MAXIFS(Tbl_Dialogue[Date], Tbl_Dialogue[Comment ID], Tbl_Comments[[#This Row],[Comment ID]]), Tbl_Comments[[#This Row],[Opening Date]])=0, "", MAX(_xlfn.MAXIFS(Tbl_Dialogue[Date], Tbl_Dialogue[Comment ID], Tbl_Comments[[#This Row],[Comment ID]]), Tbl_Comments[[#This Row],[Opening Date]]))</f>
        <v/>
      </c>
    </row>
    <row r="149" spans="1:7">
      <c r="A149" s="27" t="str" cm="1">
        <f t="array" aca="1" ref="A149"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49" s="8"/>
      <c r="C149" s="8"/>
      <c r="D149" s="2"/>
      <c r="E149" s="4"/>
      <c r="F149" s="14" t="str" cm="1">
        <f t="array" aca="1" ref="F149"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49" s="7" t="str">
        <f ca="1">IF(MAX(_xlfn.MAXIFS(Tbl_Dialogue[Date], Tbl_Dialogue[Comment ID], Tbl_Comments[[#This Row],[Comment ID]]), Tbl_Comments[[#This Row],[Opening Date]])=0, "", MAX(_xlfn.MAXIFS(Tbl_Dialogue[Date], Tbl_Dialogue[Comment ID], Tbl_Comments[[#This Row],[Comment ID]]), Tbl_Comments[[#This Row],[Opening Date]]))</f>
        <v/>
      </c>
    </row>
    <row r="150" spans="1:7">
      <c r="A150" s="27" t="str" cm="1">
        <f t="array" aca="1" ref="A150" ca="1">IF(Tbl_Comments[[#This Row],[Comment]]="", "",
   _xlfn.IFS(
      Tbl_Comments[[#This Row],[Driver]]="GLA WLCA", "1",
      Tbl_Comments[[#This Row],[Driver]]="CoL Carbon Options Guidance (COG)", "2",
      Tbl_Comments[[#This Row],[Driver]]="RICS 1st", "3",
      Tbl_Comments[[#This Row],[Driver]]="RICS 2nd", "4",
      TRUE, "9"
   ) &amp; TEXT(
      IF(
         OR(Tbl_Comments[[#This Row],[Driver]]="GLA WLCA - Good Practice", Tbl_Comments[[#This Row],[Driver]]="CoL Carbon Options Guidance (COG) - Good Practice"),
         0 + COUNTIFS(INDIRECT("C$4:C" &amp; ROW()), "GLA WLCA - Good Practice") + COUNTIFS(INDIRECT("C$4:C" &amp; ROW()), "CoL Carbon Options Guidance (COG) - Good Practice"),
         COUNTIFS(INDIRECT("C$4:C" &amp; ROW()), Tbl_Comments[[#This Row],[Driver]], INDIRECT("B$4:B" &amp; ROW()), "&lt;&gt;")
      ),
      "000"
   )
)</f>
        <v/>
      </c>
      <c r="B150" s="8"/>
      <c r="C150" s="8"/>
      <c r="D150" s="2"/>
      <c r="E150" s="4"/>
      <c r="F150" s="14" t="str" cm="1">
        <f t="array" aca="1" ref="F150" ca="1">_xlfn.IFS(
    OR(Tbl_Comments[[#This Row],[Comment ID]]="",Tbl_Comments[[#This Row],[Opening Status]]=""),"",
    Tbl_Comments[[#This Row],[Comment ID]]&lt;&gt;"",
    _xlfn.XLOOKUP(1,(Tbl_Dialogue[Comment ID]=_xlfn.NUMBERVALUE(Tbl_Comments[[#This Row],[Comment ID]])) * (Tbl_Dialogue[Date]=_xlfn.MAXIFS(Tbl_Dialogue[Date], Tbl_Dialogue[Comment ID], _xlfn.NUMBERVALUE(Tbl_Comments[[#This Row],[Comment ID]]), Tbl_Dialogue[Date], "&gt;" &amp; Tbl_Comments[[#This Row],[Opening Date]])),
        Tbl_Dialogue[Status],
        Tbl_Comments[[#This Row],[Opening Status]]
    )
)</f>
        <v/>
      </c>
      <c r="G150" s="7" t="str">
        <f ca="1">IF(MAX(_xlfn.MAXIFS(Tbl_Dialogue[Date], Tbl_Dialogue[Comment ID], Tbl_Comments[[#This Row],[Comment ID]]), Tbl_Comments[[#This Row],[Opening Date]])=0, "", MAX(_xlfn.MAXIFS(Tbl_Dialogue[Date], Tbl_Dialogue[Comment ID], Tbl_Comments[[#This Row],[Comment ID]]), Tbl_Comments[[#This Row],[Opening Date]]))</f>
        <v/>
      </c>
    </row>
    <row r="151" spans="1:7">
      <c r="A151" s="25"/>
    </row>
    <row r="152" spans="1:7">
      <c r="A152" s="25"/>
    </row>
    <row r="153" spans="1:7">
      <c r="A153" s="25"/>
    </row>
    <row r="154" spans="1:7">
      <c r="A154" s="25"/>
    </row>
    <row r="155" spans="1:7">
      <c r="A155" s="25"/>
    </row>
    <row r="156" spans="1:7">
      <c r="A156" s="25"/>
    </row>
    <row r="157" spans="1:7">
      <c r="A157" s="25"/>
    </row>
    <row r="158" spans="1:7">
      <c r="A158" s="25"/>
    </row>
    <row r="159" spans="1:7">
      <c r="A159" s="25"/>
    </row>
    <row r="160" spans="1:7">
      <c r="A160" s="25"/>
    </row>
    <row r="161" spans="1:1">
      <c r="A161" s="25"/>
    </row>
    <row r="162" spans="1:1">
      <c r="A162" s="25"/>
    </row>
    <row r="163" spans="1:1">
      <c r="A163" s="25"/>
    </row>
    <row r="164" spans="1:1">
      <c r="A164" s="25"/>
    </row>
    <row r="165" spans="1:1">
      <c r="A165" s="25"/>
    </row>
    <row r="166" spans="1:1">
      <c r="A166" s="25"/>
    </row>
    <row r="167" spans="1:1">
      <c r="A167" s="25"/>
    </row>
    <row r="168" spans="1:1">
      <c r="A168" s="25"/>
    </row>
    <row r="169" spans="1:1">
      <c r="A169" s="25"/>
    </row>
    <row r="170" spans="1:1">
      <c r="A170" s="25"/>
    </row>
    <row r="171" spans="1:1">
      <c r="A171" s="25"/>
    </row>
    <row r="172" spans="1:1">
      <c r="A172" s="25"/>
    </row>
    <row r="173" spans="1:1">
      <c r="A173" s="25"/>
    </row>
    <row r="174" spans="1:1">
      <c r="A174" s="25"/>
    </row>
    <row r="175" spans="1:1">
      <c r="A175" s="25"/>
    </row>
    <row r="176" spans="1:1">
      <c r="A176" s="25"/>
    </row>
    <row r="177" spans="1:1">
      <c r="A177" s="25"/>
    </row>
    <row r="178" spans="1:1">
      <c r="A178" s="25"/>
    </row>
    <row r="179" spans="1:1">
      <c r="A179" s="25"/>
    </row>
    <row r="180" spans="1:1">
      <c r="A180" s="25"/>
    </row>
    <row r="181" spans="1:1">
      <c r="A181" s="25"/>
    </row>
    <row r="182" spans="1:1">
      <c r="A182" s="25"/>
    </row>
    <row r="183" spans="1:1">
      <c r="A183" s="25"/>
    </row>
    <row r="184" spans="1:1">
      <c r="A184" s="25"/>
    </row>
    <row r="185" spans="1:1">
      <c r="A185" s="25"/>
    </row>
    <row r="186" spans="1:1">
      <c r="A186" s="25"/>
    </row>
    <row r="187" spans="1:1">
      <c r="A187" s="25"/>
    </row>
    <row r="188" spans="1:1">
      <c r="A188" s="25"/>
    </row>
    <row r="189" spans="1:1">
      <c r="A189" s="25"/>
    </row>
    <row r="190" spans="1:1">
      <c r="A190" s="25"/>
    </row>
    <row r="191" spans="1:1">
      <c r="A191" s="25"/>
    </row>
    <row r="192" spans="1:1">
      <c r="A192" s="25"/>
    </row>
    <row r="193" spans="1:1">
      <c r="A193" s="25"/>
    </row>
    <row r="194" spans="1:1">
      <c r="A194" s="25"/>
    </row>
    <row r="195" spans="1:1">
      <c r="A195" s="25"/>
    </row>
    <row r="196" spans="1:1">
      <c r="A196" s="25"/>
    </row>
    <row r="197" spans="1:1">
      <c r="A197" s="25"/>
    </row>
    <row r="198" spans="1:1">
      <c r="A198" s="25"/>
    </row>
    <row r="199" spans="1:1">
      <c r="A199" s="25"/>
    </row>
    <row r="200" spans="1:1">
      <c r="A200" s="25"/>
    </row>
    <row r="201" spans="1:1">
      <c r="A201" s="25"/>
    </row>
    <row r="202" spans="1:1">
      <c r="A202" s="25"/>
    </row>
    <row r="203" spans="1:1">
      <c r="A203" s="25"/>
    </row>
    <row r="204" spans="1:1">
      <c r="A204" s="25"/>
    </row>
    <row r="205" spans="1:1">
      <c r="A205" s="25"/>
    </row>
    <row r="206" spans="1:1">
      <c r="A206" s="25"/>
    </row>
  </sheetData>
  <sheetProtection algorithmName="SHA-512" hashValue="o2wa3K0UYVEHDwaW0PXXV09vNsHhYF90A6GxReHKTEcglJVJQv3YODUZjYKRC3o9EVW9rjhXS2QpmXqY9E4Osg==" saltValue="jxefHDIGMXXZydY/MiMwwQ==" spinCount="100000" sheet="1" formatColumns="0" formatRows="0" insertRows="0" autoFilter="0"/>
  <dataValidations count="4">
    <dataValidation type="list" allowBlank="1" showInputMessage="1" showErrorMessage="1" sqref="C4:C118" xr:uid="{5797BE32-6C89-4F27-8A15-C3348F52DC4D}">
      <formula1>INDIRECT("Lists!$A$3:$A$8")</formula1>
    </dataValidation>
    <dataValidation type="list" allowBlank="1" showInputMessage="1" showErrorMessage="1" sqref="D4:D118" xr:uid="{38E3CFCD-119C-4524-A54E-0958EE16FE4C}">
      <formula1>INDIRECT("Lists!$C$3:$C$6")</formula1>
    </dataValidation>
    <dataValidation type="date" operator="greaterThan" allowBlank="1" showInputMessage="1" showErrorMessage="1" errorTitle="Input Error" error="Please input a date in the format dd/mm/yyyy." sqref="E4:E118" xr:uid="{1DA55313-D7DE-42DA-8DCE-977CDF52DE5C}">
      <formula1>45658</formula1>
    </dataValidation>
    <dataValidation allowBlank="1" showInputMessage="1" showErrorMessage="1" promptTitle="Latest Status Function" prompt="&quot;Latest Status&quot; is for a convenient review of the status of all comments/prompts. Its depends on the Opening Status, Opening Date, and Status and Date entries on the Follow-up Response Dialogue Sheet. Please check these inputs, if you find an error." sqref="F4:F150 F3" xr:uid="{A53E0C53-C690-4EDD-AFF6-CBC23F5D245C}"/>
  </dataValidations>
  <pageMargins left="0.7" right="0.7" top="0.75" bottom="0.75" header="0.3" footer="0.3"/>
  <pageSetup paperSize="9" orientation="portrait" r:id="rId1"/>
  <headerFooter>
    <oddHeader>&amp;L&amp;</oddHeader>
  </headerFooter>
  <drawing r:id="rId2"/>
  <legacyDrawingHF r:id="rId3"/>
  <tableParts count="1">
    <tablePart r:id="rId4"/>
  </tableParts>
  <extLst>
    <ext xmlns:x14="http://schemas.microsoft.com/office/spreadsheetml/2009/9/main" uri="{78C0D931-6437-407d-A8EE-F0AAD7539E65}">
      <x14:conditionalFormattings>
        <x14:conditionalFormatting xmlns:xm="http://schemas.microsoft.com/office/excel/2006/main">
          <x14:cfRule type="containsText" priority="5" operator="containsText" id="{069299D3-89A2-4E9D-BA5B-E1A8170A083D}">
            <xm:f>NOT(ISERROR(SEARCH(Lists!$C$6,D4)))</xm:f>
            <xm:f>Lists!$C$6</xm:f>
            <x14:dxf>
              <font>
                <color theme="2"/>
              </font>
              <fill>
                <patternFill>
                  <bgColor theme="1"/>
                </patternFill>
              </fill>
            </x14:dxf>
          </x14:cfRule>
          <x14:cfRule type="containsText" priority="6" operator="containsText" id="{23C26EA7-66AA-46D9-AB4C-5DD7CA02C252}">
            <xm:f>NOT(ISERROR(SEARCH(Lists!$C$5,D4)))</xm:f>
            <xm:f>Lists!$C$5</xm:f>
            <x14:dxf>
              <font>
                <color theme="2"/>
              </font>
              <fill>
                <patternFill>
                  <bgColor rgb="FFFFC000"/>
                </patternFill>
              </fill>
            </x14:dxf>
          </x14:cfRule>
          <x14:cfRule type="containsText" priority="7" operator="containsText" id="{791F653C-2465-42B6-9F70-8243A0ADCBA5}">
            <xm:f>NOT(ISERROR(SEARCH(Lists!$C$4,D4)))</xm:f>
            <xm:f>Lists!$C$4</xm:f>
            <x14:dxf>
              <fill>
                <patternFill>
                  <bgColor rgb="FFFFFF00"/>
                </patternFill>
              </fill>
            </x14:dxf>
          </x14:cfRule>
          <x14:cfRule type="containsText" priority="8" operator="containsText" id="{D450E166-26A2-41DE-97EF-C1F18730F21F}">
            <xm:f>NOT(ISERROR(SEARCH(Lists!$C$3,D4)))</xm:f>
            <xm:f>Lists!$C$3</xm:f>
            <x14:dxf>
              <fill>
                <patternFill>
                  <bgColor rgb="FF92D050"/>
                </patternFill>
              </fill>
            </x14:dxf>
          </x14:cfRule>
          <xm:sqref>D4:D118 F4:F118</xm:sqref>
        </x14:conditionalFormatting>
      </x14:conditionalFormatting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D504E6-FF23-42EF-A4AB-971259469FAD}">
  <sheetPr>
    <tabColor rgb="FF0070C0"/>
  </sheetPr>
  <dimension ref="A1:M491"/>
  <sheetViews>
    <sheetView zoomScale="115" zoomScaleNormal="100" workbookViewId="0">
      <pane ySplit="4" topLeftCell="A5" activePane="bottomLeft" state="frozen"/>
      <selection pane="bottomLeft" activeCell="E5" sqref="E5"/>
    </sheetView>
  </sheetViews>
  <sheetFormatPr defaultRowHeight="409.6" customHeight="1" outlineLevelRow="1" outlineLevelCol="1"/>
  <cols>
    <col min="1" max="1" width="13.125" customWidth="1"/>
    <col min="2" max="2" width="47.125" style="1" hidden="1" customWidth="1" outlineLevel="1"/>
    <col min="3" max="3" width="16.75" customWidth="1" collapsed="1"/>
    <col min="4" max="4" width="78.75" customWidth="1"/>
    <col min="5" max="5" width="10.5" customWidth="1"/>
    <col min="6" max="6" width="10.625" customWidth="1"/>
    <col min="7" max="7" width="4.875" customWidth="1"/>
    <col min="8" max="12" width="9" customWidth="1" outlineLevel="1"/>
  </cols>
  <sheetData>
    <row r="1" spans="1:13" ht="14.1">
      <c r="A1" s="18" t="s">
        <v>115</v>
      </c>
      <c r="M1" s="18" t="s">
        <v>116</v>
      </c>
    </row>
    <row r="2" spans="1:13" ht="20.25" customHeight="1">
      <c r="A2" s="18" t="s">
        <v>19</v>
      </c>
      <c r="B2" s="3"/>
      <c r="C2" s="3"/>
      <c r="D2" s="3"/>
      <c r="E2" s="3"/>
    </row>
    <row r="3" spans="1:13" ht="140.25" customHeight="1" outlineLevel="1">
      <c r="A3" s="15"/>
      <c r="B3" s="3"/>
      <c r="C3" s="3"/>
      <c r="D3" s="3"/>
      <c r="E3" s="3"/>
    </row>
    <row r="4" spans="1:13" ht="14.1">
      <c r="A4" s="3" t="s">
        <v>20</v>
      </c>
      <c r="B4" s="16" t="s">
        <v>21</v>
      </c>
      <c r="C4" s="3" t="s">
        <v>117</v>
      </c>
      <c r="D4" s="3" t="s">
        <v>118</v>
      </c>
      <c r="E4" s="3" t="s">
        <v>119</v>
      </c>
      <c r="F4" s="3" t="s">
        <v>120</v>
      </c>
      <c r="H4" s="17" t="s">
        <v>121</v>
      </c>
      <c r="I4" s="17" t="s">
        <v>122</v>
      </c>
    </row>
    <row r="5" spans="1:13" ht="14.1">
      <c r="A5" s="13"/>
      <c r="B5" s="22" t="str">
        <f>IF(Tbl_Dialogue[[#This Row],[Comment ID]]&lt;&gt;"",_xlfn.XLOOKUP(TEXT(Tbl_Dialogue[[#This Row],[Comment ID]],0),Tbl_Comments[Comment ID],Tbl_Comments[Comment],""),"")</f>
        <v/>
      </c>
      <c r="C5" s="9"/>
      <c r="D5" s="5"/>
      <c r="E5" s="6"/>
      <c r="F5" s="2"/>
      <c r="H5" t="str" cm="1">
        <f t="array" ref="H5">IFERROR(_xlfn.NUMBERVALUE(_xlfn._xlws.FILTER(Tbl_Comments[Comment ID], Tbl_Comments[Opening Status] = "Status C")),"None")</f>
        <v>None</v>
      </c>
      <c r="I5" t="str" cm="1">
        <f t="array" ref="I5">IFERROR(_xlfn.NUMBERVALUE(_xlfn._xlws.FILTER(Tbl_Comments[Comment ID], Tbl_Comments[Opening Status] = "Status B")),"None")</f>
        <v>None</v>
      </c>
    </row>
    <row r="6" spans="1:13" ht="14.1">
      <c r="A6" s="13"/>
      <c r="B6" s="22" t="str">
        <f>IF(Tbl_Dialogue[[#This Row],[Comment ID]]&lt;&gt;"",_xlfn.XLOOKUP(TEXT(Tbl_Dialogue[[#This Row],[Comment ID]],0),Tbl_Comments[Comment ID],Tbl_Comments[Comment],""),"")</f>
        <v/>
      </c>
      <c r="C6" s="9"/>
      <c r="D6" s="5"/>
      <c r="E6" s="6"/>
      <c r="F6" s="2"/>
    </row>
    <row r="7" spans="1:13" ht="14.1">
      <c r="A7" s="13"/>
      <c r="B7" s="22" t="str">
        <f>IF(Tbl_Dialogue[[#This Row],[Comment ID]]&lt;&gt;"",_xlfn.XLOOKUP(TEXT(Tbl_Dialogue[[#This Row],[Comment ID]],0),Tbl_Comments[Comment ID],Tbl_Comments[Comment],""),"")</f>
        <v/>
      </c>
      <c r="C7" s="9"/>
      <c r="D7" s="5"/>
      <c r="E7" s="6"/>
      <c r="F7" s="2"/>
    </row>
    <row r="8" spans="1:13" ht="14.1">
      <c r="A8" s="13"/>
      <c r="B8" s="22" t="str">
        <f>IF(Tbl_Dialogue[[#This Row],[Comment ID]]&lt;&gt;"",_xlfn.XLOOKUP(TEXT(Tbl_Dialogue[[#This Row],[Comment ID]],0),Tbl_Comments[Comment ID],Tbl_Comments[Comment],""),"")</f>
        <v/>
      </c>
      <c r="C8" s="9"/>
      <c r="D8" s="5"/>
      <c r="E8" s="6"/>
      <c r="F8" s="2"/>
    </row>
    <row r="9" spans="1:13" ht="14.1">
      <c r="A9" s="13"/>
      <c r="B9" s="22" t="str">
        <f>IF(Tbl_Dialogue[[#This Row],[Comment ID]]&lt;&gt;"",_xlfn.XLOOKUP(TEXT(Tbl_Dialogue[[#This Row],[Comment ID]],0),Tbl_Comments[Comment ID],Tbl_Comments[Comment],""),"")</f>
        <v/>
      </c>
      <c r="C9" s="9"/>
      <c r="D9" s="9"/>
      <c r="E9" s="6"/>
      <c r="F9" s="2"/>
    </row>
    <row r="10" spans="1:13" ht="14.1">
      <c r="A10" s="13"/>
      <c r="B10" s="22" t="str">
        <f>IF(Tbl_Dialogue[[#This Row],[Comment ID]]&lt;&gt;"",_xlfn.XLOOKUP(TEXT(Tbl_Dialogue[[#This Row],[Comment ID]],0),Tbl_Comments[Comment ID],Tbl_Comments[Comment],""),"")</f>
        <v/>
      </c>
      <c r="C10" s="9"/>
      <c r="D10" s="5"/>
      <c r="E10" s="6"/>
      <c r="F10" s="2"/>
    </row>
    <row r="11" spans="1:13" ht="14.1">
      <c r="A11" s="13"/>
      <c r="B11" s="22" t="str">
        <f>IF(Tbl_Dialogue[[#This Row],[Comment ID]]&lt;&gt;"",_xlfn.XLOOKUP(TEXT(Tbl_Dialogue[[#This Row],[Comment ID]],0),Tbl_Comments[Comment ID],Tbl_Comments[Comment],""),"")</f>
        <v/>
      </c>
      <c r="C11" s="9"/>
      <c r="D11" s="5"/>
      <c r="E11" s="6"/>
      <c r="F11" s="2"/>
    </row>
    <row r="12" spans="1:13" ht="14.1">
      <c r="A12" s="13"/>
      <c r="B12" s="22" t="str">
        <f>IF(Tbl_Dialogue[[#This Row],[Comment ID]]&lt;&gt;"",_xlfn.XLOOKUP(TEXT(Tbl_Dialogue[[#This Row],[Comment ID]],0),Tbl_Comments[Comment ID],Tbl_Comments[Comment],""),"")</f>
        <v/>
      </c>
      <c r="C12" s="9"/>
      <c r="D12" s="5"/>
      <c r="E12" s="6"/>
      <c r="F12" s="2"/>
    </row>
    <row r="13" spans="1:13" ht="14.1">
      <c r="A13" s="13"/>
      <c r="B13" s="22" t="str">
        <f>IF(Tbl_Dialogue[[#This Row],[Comment ID]]&lt;&gt;"",_xlfn.XLOOKUP(TEXT(Tbl_Dialogue[[#This Row],[Comment ID]],0),Tbl_Comments[Comment ID],Tbl_Comments[Comment],""),"")</f>
        <v/>
      </c>
      <c r="C13" s="9"/>
      <c r="D13" s="5"/>
      <c r="E13" s="6"/>
      <c r="F13" s="2"/>
    </row>
    <row r="14" spans="1:13" ht="14.1">
      <c r="A14" s="13"/>
      <c r="B14" s="22" t="str">
        <f>IF(Tbl_Dialogue[[#This Row],[Comment ID]]&lt;&gt;"",_xlfn.XLOOKUP(TEXT(Tbl_Dialogue[[#This Row],[Comment ID]],0),Tbl_Comments[Comment ID],Tbl_Comments[Comment],""),"")</f>
        <v/>
      </c>
      <c r="C14" s="9"/>
      <c r="D14" s="5"/>
      <c r="E14" s="6"/>
      <c r="F14" s="2"/>
    </row>
    <row r="15" spans="1:13" ht="14.1">
      <c r="A15" s="13"/>
      <c r="B15" s="22" t="str">
        <f>IF(Tbl_Dialogue[[#This Row],[Comment ID]]&lt;&gt;"",_xlfn.XLOOKUP(TEXT(Tbl_Dialogue[[#This Row],[Comment ID]],0),Tbl_Comments[Comment ID],Tbl_Comments[Comment],""),"")</f>
        <v/>
      </c>
      <c r="C15" s="9"/>
      <c r="D15" s="5"/>
      <c r="E15" s="6"/>
      <c r="F15" s="2"/>
    </row>
    <row r="16" spans="1:13" ht="14.1">
      <c r="A16" s="13"/>
      <c r="B16" s="22" t="str">
        <f>IF(Tbl_Dialogue[[#This Row],[Comment ID]]&lt;&gt;"",_xlfn.XLOOKUP(TEXT(Tbl_Dialogue[[#This Row],[Comment ID]],0),Tbl_Comments[Comment ID],Tbl_Comments[Comment],""),"")</f>
        <v/>
      </c>
      <c r="C16" s="9"/>
      <c r="D16" s="5"/>
      <c r="E16" s="6"/>
      <c r="F16" s="2"/>
    </row>
    <row r="17" spans="1:6" ht="14.1">
      <c r="A17" s="13"/>
      <c r="B17" s="22" t="str">
        <f>IF(Tbl_Dialogue[[#This Row],[Comment ID]]&lt;&gt;"",_xlfn.XLOOKUP(TEXT(Tbl_Dialogue[[#This Row],[Comment ID]],0),Tbl_Comments[Comment ID],Tbl_Comments[Comment],""),"")</f>
        <v/>
      </c>
      <c r="C17" s="9"/>
      <c r="D17" s="5"/>
      <c r="E17" s="6"/>
      <c r="F17" s="2"/>
    </row>
    <row r="18" spans="1:6" ht="14.1">
      <c r="A18" s="13"/>
      <c r="B18" s="22" t="str">
        <f>IF(Tbl_Dialogue[[#This Row],[Comment ID]]&lt;&gt;"",_xlfn.XLOOKUP(TEXT(Tbl_Dialogue[[#This Row],[Comment ID]],0),Tbl_Comments[Comment ID],Tbl_Comments[Comment],""),"")</f>
        <v/>
      </c>
      <c r="C18" s="9"/>
      <c r="D18" s="5"/>
      <c r="E18" s="6"/>
      <c r="F18" s="2"/>
    </row>
    <row r="19" spans="1:6" ht="14.1">
      <c r="A19" s="13"/>
      <c r="B19" s="22" t="str">
        <f>IF(Tbl_Dialogue[[#This Row],[Comment ID]]&lt;&gt;"",_xlfn.XLOOKUP(TEXT(Tbl_Dialogue[[#This Row],[Comment ID]],0),Tbl_Comments[Comment ID],Tbl_Comments[Comment],""),"")</f>
        <v/>
      </c>
      <c r="C19" s="9"/>
      <c r="D19" s="5"/>
      <c r="E19" s="6"/>
      <c r="F19" s="2"/>
    </row>
    <row r="20" spans="1:6" ht="14.1">
      <c r="A20" s="13"/>
      <c r="B20" s="22" t="str">
        <f>IF(Tbl_Dialogue[[#This Row],[Comment ID]]&lt;&gt;"",_xlfn.XLOOKUP(TEXT(Tbl_Dialogue[[#This Row],[Comment ID]],0),Tbl_Comments[Comment ID],Tbl_Comments[Comment],""),"")</f>
        <v/>
      </c>
      <c r="C20" s="9"/>
      <c r="D20" s="5"/>
      <c r="E20" s="6"/>
      <c r="F20" s="2"/>
    </row>
    <row r="21" spans="1:6" ht="14.1">
      <c r="A21" s="13"/>
      <c r="B21" s="22" t="str">
        <f>IF(Tbl_Dialogue[[#This Row],[Comment ID]]&lt;&gt;"",_xlfn.XLOOKUP(TEXT(Tbl_Dialogue[[#This Row],[Comment ID]],0),Tbl_Comments[Comment ID],Tbl_Comments[Comment],""),"")</f>
        <v/>
      </c>
      <c r="C21" s="9"/>
      <c r="D21" s="5"/>
      <c r="E21" s="6"/>
      <c r="F21" s="2"/>
    </row>
    <row r="22" spans="1:6" ht="14.1">
      <c r="A22" s="13"/>
      <c r="B22" s="22" t="str">
        <f>IF(Tbl_Dialogue[[#This Row],[Comment ID]]&lt;&gt;"",_xlfn.XLOOKUP(TEXT(Tbl_Dialogue[[#This Row],[Comment ID]],0),Tbl_Comments[Comment ID],Tbl_Comments[Comment],""),"")</f>
        <v/>
      </c>
      <c r="C22" s="9"/>
      <c r="D22" s="5"/>
      <c r="E22" s="6"/>
      <c r="F22" s="2"/>
    </row>
    <row r="23" spans="1:6" ht="14.1">
      <c r="A23" s="13"/>
      <c r="B23" s="22" t="str">
        <f>IF(Tbl_Dialogue[[#This Row],[Comment ID]]&lt;&gt;"",_xlfn.XLOOKUP(TEXT(Tbl_Dialogue[[#This Row],[Comment ID]],0),Tbl_Comments[Comment ID],Tbl_Comments[Comment],""),"")</f>
        <v/>
      </c>
      <c r="C23" s="9"/>
      <c r="D23" s="5"/>
      <c r="E23" s="6"/>
      <c r="F23" s="2"/>
    </row>
    <row r="24" spans="1:6" ht="14.1">
      <c r="A24" s="13"/>
      <c r="B24" s="22" t="str">
        <f>IF(Tbl_Dialogue[[#This Row],[Comment ID]]&lt;&gt;"",_xlfn.XLOOKUP(TEXT(Tbl_Dialogue[[#This Row],[Comment ID]],0),Tbl_Comments[Comment ID],Tbl_Comments[Comment],""),"")</f>
        <v/>
      </c>
      <c r="C24" s="9"/>
      <c r="D24" s="5"/>
      <c r="E24" s="6"/>
      <c r="F24" s="2"/>
    </row>
    <row r="25" spans="1:6" ht="14.1">
      <c r="A25" s="13"/>
      <c r="B25" s="22" t="str">
        <f>IF(Tbl_Dialogue[[#This Row],[Comment ID]]&lt;&gt;"",_xlfn.XLOOKUP(TEXT(Tbl_Dialogue[[#This Row],[Comment ID]],0),Tbl_Comments[Comment ID],Tbl_Comments[Comment],""),"")</f>
        <v/>
      </c>
      <c r="C25" s="9"/>
      <c r="D25" s="5"/>
      <c r="E25" s="6"/>
      <c r="F25" s="2"/>
    </row>
    <row r="26" spans="1:6" ht="14.1">
      <c r="A26" s="13"/>
      <c r="B26" s="22" t="str">
        <f>IF(Tbl_Dialogue[[#This Row],[Comment ID]]&lt;&gt;"",_xlfn.XLOOKUP(TEXT(Tbl_Dialogue[[#This Row],[Comment ID]],0),Tbl_Comments[Comment ID],Tbl_Comments[Comment],""),"")</f>
        <v/>
      </c>
      <c r="C26" s="9"/>
      <c r="D26" s="5"/>
      <c r="E26" s="6"/>
      <c r="F26" s="2"/>
    </row>
    <row r="27" spans="1:6" ht="14.1">
      <c r="A27" s="13"/>
      <c r="B27" s="22" t="str">
        <f>IF(Tbl_Dialogue[[#This Row],[Comment ID]]&lt;&gt;"",_xlfn.XLOOKUP(TEXT(Tbl_Dialogue[[#This Row],[Comment ID]],0),Tbl_Comments[Comment ID],Tbl_Comments[Comment],""),"")</f>
        <v/>
      </c>
      <c r="C27" s="9"/>
      <c r="D27" s="5"/>
      <c r="E27" s="6"/>
      <c r="F27" s="2"/>
    </row>
    <row r="28" spans="1:6" ht="14.1">
      <c r="A28" s="13"/>
      <c r="B28" s="22" t="str">
        <f>IF(Tbl_Dialogue[[#This Row],[Comment ID]]&lt;&gt;"",_xlfn.XLOOKUP(TEXT(Tbl_Dialogue[[#This Row],[Comment ID]],0),Tbl_Comments[Comment ID],Tbl_Comments[Comment],""),"")</f>
        <v/>
      </c>
      <c r="C28" s="9"/>
      <c r="D28" s="5"/>
      <c r="E28" s="6"/>
      <c r="F28" s="2"/>
    </row>
    <row r="29" spans="1:6" ht="14.1">
      <c r="A29" s="13"/>
      <c r="B29" s="22" t="str">
        <f>IF(Tbl_Dialogue[[#This Row],[Comment ID]]&lt;&gt;"",_xlfn.XLOOKUP(TEXT(Tbl_Dialogue[[#This Row],[Comment ID]],0),Tbl_Comments[Comment ID],Tbl_Comments[Comment],""),"")</f>
        <v/>
      </c>
      <c r="C29" s="9"/>
      <c r="D29" s="5"/>
      <c r="E29" s="6"/>
      <c r="F29" s="2"/>
    </row>
    <row r="30" spans="1:6" ht="14.1">
      <c r="A30" s="13"/>
      <c r="B30" s="22" t="str">
        <f>IF(Tbl_Dialogue[[#This Row],[Comment ID]]&lt;&gt;"",_xlfn.XLOOKUP(TEXT(Tbl_Dialogue[[#This Row],[Comment ID]],0),Tbl_Comments[Comment ID],Tbl_Comments[Comment],""),"")</f>
        <v/>
      </c>
      <c r="C30" s="9"/>
      <c r="D30" s="5"/>
      <c r="E30" s="6"/>
      <c r="F30" s="2"/>
    </row>
    <row r="31" spans="1:6" ht="14.1">
      <c r="A31" s="13"/>
      <c r="B31" s="22" t="str">
        <f>IF(Tbl_Dialogue[[#This Row],[Comment ID]]&lt;&gt;"",_xlfn.XLOOKUP(TEXT(Tbl_Dialogue[[#This Row],[Comment ID]],0),Tbl_Comments[Comment ID],Tbl_Comments[Comment],""),"")</f>
        <v/>
      </c>
      <c r="C31" s="9"/>
      <c r="D31" s="5"/>
      <c r="E31" s="6"/>
      <c r="F31" s="2"/>
    </row>
    <row r="32" spans="1:6" ht="14.1">
      <c r="A32" s="13"/>
      <c r="B32" s="22" t="str">
        <f>IF(Tbl_Dialogue[[#This Row],[Comment ID]]&lt;&gt;"",_xlfn.XLOOKUP(TEXT(Tbl_Dialogue[[#This Row],[Comment ID]],0),Tbl_Comments[Comment ID],Tbl_Comments[Comment],""),"")</f>
        <v/>
      </c>
      <c r="C32" s="9"/>
      <c r="D32" s="5"/>
      <c r="E32" s="6"/>
      <c r="F32" s="2"/>
    </row>
    <row r="33" spans="1:6" ht="14.1">
      <c r="A33" s="13"/>
      <c r="B33" s="22" t="str">
        <f>IF(Tbl_Dialogue[[#This Row],[Comment ID]]&lt;&gt;"",_xlfn.XLOOKUP(TEXT(Tbl_Dialogue[[#This Row],[Comment ID]],0),Tbl_Comments[Comment ID],Tbl_Comments[Comment],""),"")</f>
        <v/>
      </c>
      <c r="C33" s="9"/>
      <c r="D33" s="5"/>
      <c r="E33" s="6"/>
      <c r="F33" s="2"/>
    </row>
    <row r="34" spans="1:6" ht="14.1">
      <c r="A34" s="13"/>
      <c r="B34" s="22" t="str">
        <f>IF(Tbl_Dialogue[[#This Row],[Comment ID]]&lt;&gt;"",_xlfn.XLOOKUP(TEXT(Tbl_Dialogue[[#This Row],[Comment ID]],0),Tbl_Comments[Comment ID],Tbl_Comments[Comment],""),"")</f>
        <v/>
      </c>
      <c r="C34" s="9"/>
      <c r="D34" s="5"/>
      <c r="E34" s="6"/>
      <c r="F34" s="2"/>
    </row>
    <row r="35" spans="1:6" ht="14.1">
      <c r="A35" s="13"/>
      <c r="B35" s="22" t="str">
        <f>IF(Tbl_Dialogue[[#This Row],[Comment ID]]&lt;&gt;"",_xlfn.XLOOKUP(TEXT(Tbl_Dialogue[[#This Row],[Comment ID]],0),Tbl_Comments[Comment ID],Tbl_Comments[Comment],""),"")</f>
        <v/>
      </c>
      <c r="C35" s="9"/>
      <c r="D35" s="5"/>
      <c r="E35" s="6"/>
      <c r="F35" s="2"/>
    </row>
    <row r="36" spans="1:6" ht="14.1">
      <c r="A36" s="13"/>
      <c r="B36" s="22" t="str">
        <f>IF(Tbl_Dialogue[[#This Row],[Comment ID]]&lt;&gt;"",_xlfn.XLOOKUP(TEXT(Tbl_Dialogue[[#This Row],[Comment ID]],0),Tbl_Comments[Comment ID],Tbl_Comments[Comment],""),"")</f>
        <v/>
      </c>
      <c r="C36" s="9"/>
      <c r="D36" s="5"/>
      <c r="E36" s="6"/>
      <c r="F36" s="2"/>
    </row>
    <row r="37" spans="1:6" ht="14.1">
      <c r="A37" s="13"/>
      <c r="B37" s="22" t="str">
        <f>IF(Tbl_Dialogue[[#This Row],[Comment ID]]&lt;&gt;"",_xlfn.XLOOKUP(TEXT(Tbl_Dialogue[[#This Row],[Comment ID]],0),Tbl_Comments[Comment ID],Tbl_Comments[Comment],""),"")</f>
        <v/>
      </c>
      <c r="C37" s="9"/>
      <c r="D37" s="5"/>
      <c r="E37" s="6"/>
      <c r="F37" s="2"/>
    </row>
    <row r="38" spans="1:6" ht="14.1">
      <c r="A38" s="13"/>
      <c r="B38" s="22" t="str">
        <f>IF(Tbl_Dialogue[[#This Row],[Comment ID]]&lt;&gt;"",_xlfn.XLOOKUP(TEXT(Tbl_Dialogue[[#This Row],[Comment ID]],0),Tbl_Comments[Comment ID],Tbl_Comments[Comment],""),"")</f>
        <v/>
      </c>
      <c r="C38" s="9"/>
      <c r="D38" s="5"/>
      <c r="E38" s="6"/>
      <c r="F38" s="2"/>
    </row>
    <row r="39" spans="1:6" ht="14.1">
      <c r="A39" s="13"/>
      <c r="B39" s="22" t="str">
        <f>IF(Tbl_Dialogue[[#This Row],[Comment ID]]&lt;&gt;"",_xlfn.XLOOKUP(TEXT(Tbl_Dialogue[[#This Row],[Comment ID]],0),Tbl_Comments[Comment ID],Tbl_Comments[Comment],""),"")</f>
        <v/>
      </c>
      <c r="C39" s="9"/>
      <c r="D39" s="5"/>
      <c r="E39" s="6"/>
      <c r="F39" s="2"/>
    </row>
    <row r="40" spans="1:6" ht="14.1">
      <c r="A40" s="13"/>
      <c r="B40" s="22" t="str">
        <f>IF(Tbl_Dialogue[[#This Row],[Comment ID]]&lt;&gt;"",_xlfn.XLOOKUP(TEXT(Tbl_Dialogue[[#This Row],[Comment ID]],0),Tbl_Comments[Comment ID],Tbl_Comments[Comment],""),"")</f>
        <v/>
      </c>
      <c r="C40" s="9"/>
      <c r="D40" s="5"/>
      <c r="E40" s="6"/>
      <c r="F40" s="2"/>
    </row>
    <row r="41" spans="1:6" ht="14.1">
      <c r="A41" s="13"/>
      <c r="B41" s="22" t="str">
        <f>IF(Tbl_Dialogue[[#This Row],[Comment ID]]&lt;&gt;"",_xlfn.XLOOKUP(TEXT(Tbl_Dialogue[[#This Row],[Comment ID]],0),Tbl_Comments[Comment ID],Tbl_Comments[Comment],""),"")</f>
        <v/>
      </c>
      <c r="C41" s="9"/>
      <c r="D41" s="5"/>
      <c r="E41" s="6"/>
      <c r="F41" s="2"/>
    </row>
    <row r="42" spans="1:6" ht="14.1">
      <c r="A42" s="13"/>
      <c r="B42" s="22" t="str">
        <f>IF(Tbl_Dialogue[[#This Row],[Comment ID]]&lt;&gt;"",_xlfn.XLOOKUP(TEXT(Tbl_Dialogue[[#This Row],[Comment ID]],0),Tbl_Comments[Comment ID],Tbl_Comments[Comment],""),"")</f>
        <v/>
      </c>
      <c r="C42" s="9"/>
      <c r="D42" s="5"/>
      <c r="E42" s="6"/>
      <c r="F42" s="2"/>
    </row>
    <row r="43" spans="1:6" ht="14.1">
      <c r="A43" s="13"/>
      <c r="B43" s="22" t="str">
        <f>IF(Tbl_Dialogue[[#This Row],[Comment ID]]&lt;&gt;"",_xlfn.XLOOKUP(TEXT(Tbl_Dialogue[[#This Row],[Comment ID]],0),Tbl_Comments[Comment ID],Tbl_Comments[Comment],""),"")</f>
        <v/>
      </c>
      <c r="C43" s="9"/>
      <c r="D43" s="5"/>
      <c r="E43" s="6"/>
      <c r="F43" s="2"/>
    </row>
    <row r="44" spans="1:6" ht="14.1">
      <c r="A44" s="13"/>
      <c r="B44" s="22" t="str">
        <f>IF(Tbl_Dialogue[[#This Row],[Comment ID]]&lt;&gt;"",_xlfn.XLOOKUP(TEXT(Tbl_Dialogue[[#This Row],[Comment ID]],0),Tbl_Comments[Comment ID],Tbl_Comments[Comment],""),"")</f>
        <v/>
      </c>
      <c r="C44" s="9"/>
      <c r="D44" s="5"/>
      <c r="E44" s="6"/>
      <c r="F44" s="2"/>
    </row>
    <row r="45" spans="1:6" ht="14.1">
      <c r="A45" s="13"/>
      <c r="B45" s="22" t="str">
        <f>IF(Tbl_Dialogue[[#This Row],[Comment ID]]&lt;&gt;"",_xlfn.XLOOKUP(TEXT(Tbl_Dialogue[[#This Row],[Comment ID]],0),Tbl_Comments[Comment ID],Tbl_Comments[Comment],""),"")</f>
        <v/>
      </c>
      <c r="C45" s="9"/>
      <c r="D45" s="5"/>
      <c r="E45" s="6"/>
      <c r="F45" s="2"/>
    </row>
    <row r="46" spans="1:6" ht="14.1">
      <c r="A46" s="13"/>
      <c r="B46" s="22" t="str">
        <f>IF(Tbl_Dialogue[[#This Row],[Comment ID]]&lt;&gt;"",_xlfn.XLOOKUP(TEXT(Tbl_Dialogue[[#This Row],[Comment ID]],0),Tbl_Comments[Comment ID],Tbl_Comments[Comment],""),"")</f>
        <v/>
      </c>
      <c r="C46" s="9"/>
      <c r="D46" s="5"/>
      <c r="E46" s="6"/>
      <c r="F46" s="2"/>
    </row>
    <row r="47" spans="1:6" ht="14.1">
      <c r="A47" s="13"/>
      <c r="B47" s="22" t="str">
        <f>IF(Tbl_Dialogue[[#This Row],[Comment ID]]&lt;&gt;"",_xlfn.XLOOKUP(TEXT(Tbl_Dialogue[[#This Row],[Comment ID]],0),Tbl_Comments[Comment ID],Tbl_Comments[Comment],""),"")</f>
        <v/>
      </c>
      <c r="C47" s="9"/>
      <c r="D47" s="5"/>
      <c r="E47" s="6"/>
      <c r="F47" s="2"/>
    </row>
    <row r="48" spans="1:6" ht="14.1">
      <c r="A48" s="13"/>
      <c r="B48" s="22" t="str">
        <f>IF(Tbl_Dialogue[[#This Row],[Comment ID]]&lt;&gt;"",_xlfn.XLOOKUP(TEXT(Tbl_Dialogue[[#This Row],[Comment ID]],0),Tbl_Comments[Comment ID],Tbl_Comments[Comment],""),"")</f>
        <v/>
      </c>
      <c r="C48" s="9"/>
      <c r="D48" s="5"/>
      <c r="E48" s="6"/>
      <c r="F48" s="2"/>
    </row>
    <row r="49" spans="1:6" ht="14.1">
      <c r="A49" s="13"/>
      <c r="B49" s="22" t="str">
        <f>IF(Tbl_Dialogue[[#This Row],[Comment ID]]&lt;&gt;"",_xlfn.XLOOKUP(TEXT(Tbl_Dialogue[[#This Row],[Comment ID]],0),Tbl_Comments[Comment ID],Tbl_Comments[Comment],""),"")</f>
        <v/>
      </c>
      <c r="C49" s="9"/>
      <c r="D49" s="5"/>
      <c r="E49" s="6"/>
      <c r="F49" s="2"/>
    </row>
    <row r="50" spans="1:6" ht="14.1">
      <c r="A50" s="13"/>
      <c r="B50" s="22" t="str">
        <f>IF(Tbl_Dialogue[[#This Row],[Comment ID]]&lt;&gt;"",_xlfn.XLOOKUP(TEXT(Tbl_Dialogue[[#This Row],[Comment ID]],0),Tbl_Comments[Comment ID],Tbl_Comments[Comment],""),"")</f>
        <v/>
      </c>
      <c r="C50" s="9"/>
      <c r="D50" s="5"/>
      <c r="E50" s="6"/>
      <c r="F50" s="2"/>
    </row>
    <row r="51" spans="1:6" ht="14.1">
      <c r="A51" s="13"/>
      <c r="B51" s="22" t="str">
        <f>IF(Tbl_Dialogue[[#This Row],[Comment ID]]&lt;&gt;"",_xlfn.XLOOKUP(TEXT(Tbl_Dialogue[[#This Row],[Comment ID]],0),Tbl_Comments[Comment ID],Tbl_Comments[Comment],""),"")</f>
        <v/>
      </c>
      <c r="C51" s="9"/>
      <c r="D51" s="5"/>
      <c r="E51" s="6"/>
      <c r="F51" s="2"/>
    </row>
    <row r="52" spans="1:6" ht="14.1">
      <c r="A52" s="13"/>
      <c r="B52" s="22" t="str">
        <f>IF(Tbl_Dialogue[[#This Row],[Comment ID]]&lt;&gt;"",_xlfn.XLOOKUP(TEXT(Tbl_Dialogue[[#This Row],[Comment ID]],0),Tbl_Comments[Comment ID],Tbl_Comments[Comment],""),"")</f>
        <v/>
      </c>
      <c r="C52" s="9"/>
      <c r="D52" s="5"/>
      <c r="E52" s="6"/>
      <c r="F52" s="2"/>
    </row>
    <row r="53" spans="1:6" ht="14.1">
      <c r="A53" s="13"/>
      <c r="B53" s="22" t="str">
        <f>IF(Tbl_Dialogue[[#This Row],[Comment ID]]&lt;&gt;"",_xlfn.XLOOKUP(TEXT(Tbl_Dialogue[[#This Row],[Comment ID]],0),Tbl_Comments[Comment ID],Tbl_Comments[Comment],""),"")</f>
        <v/>
      </c>
      <c r="C53" s="9"/>
      <c r="D53" s="5"/>
      <c r="E53" s="6"/>
      <c r="F53" s="2"/>
    </row>
    <row r="54" spans="1:6" ht="14.1">
      <c r="A54" s="13"/>
      <c r="B54" s="22" t="str">
        <f>IF(Tbl_Dialogue[[#This Row],[Comment ID]]&lt;&gt;"",_xlfn.XLOOKUP(TEXT(Tbl_Dialogue[[#This Row],[Comment ID]],0),Tbl_Comments[Comment ID],Tbl_Comments[Comment],""),"")</f>
        <v/>
      </c>
      <c r="C54" s="9"/>
      <c r="D54" s="5"/>
      <c r="E54" s="6"/>
      <c r="F54" s="2"/>
    </row>
    <row r="55" spans="1:6" ht="14.1">
      <c r="A55" s="13"/>
      <c r="B55" s="22" t="str">
        <f>IF(Tbl_Dialogue[[#This Row],[Comment ID]]&lt;&gt;"",_xlfn.XLOOKUP(TEXT(Tbl_Dialogue[[#This Row],[Comment ID]],0),Tbl_Comments[Comment ID],Tbl_Comments[Comment],""),"")</f>
        <v/>
      </c>
      <c r="C55" s="9"/>
      <c r="D55" s="5"/>
      <c r="E55" s="6"/>
      <c r="F55" s="2"/>
    </row>
    <row r="56" spans="1:6" ht="14.1">
      <c r="A56" s="13"/>
      <c r="B56" s="22" t="str">
        <f>IF(Tbl_Dialogue[[#This Row],[Comment ID]]&lt;&gt;"",_xlfn.XLOOKUP(TEXT(Tbl_Dialogue[[#This Row],[Comment ID]],0),Tbl_Comments[Comment ID],Tbl_Comments[Comment],""),"")</f>
        <v/>
      </c>
      <c r="C56" s="9"/>
      <c r="D56" s="5"/>
      <c r="E56" s="6"/>
      <c r="F56" s="2"/>
    </row>
    <row r="57" spans="1:6" ht="14.1">
      <c r="A57" s="13"/>
      <c r="B57" s="22" t="str">
        <f>IF(Tbl_Dialogue[[#This Row],[Comment ID]]&lt;&gt;"",_xlfn.XLOOKUP(TEXT(Tbl_Dialogue[[#This Row],[Comment ID]],0),Tbl_Comments[Comment ID],Tbl_Comments[Comment],""),"")</f>
        <v/>
      </c>
      <c r="C57" s="9"/>
      <c r="D57" s="5"/>
      <c r="E57" s="6"/>
      <c r="F57" s="2"/>
    </row>
    <row r="58" spans="1:6" ht="14.1">
      <c r="A58" s="13"/>
      <c r="B58" s="22" t="str">
        <f>IF(Tbl_Dialogue[[#This Row],[Comment ID]]&lt;&gt;"",_xlfn.XLOOKUP(TEXT(Tbl_Dialogue[[#This Row],[Comment ID]],0),Tbl_Comments[Comment ID],Tbl_Comments[Comment],""),"")</f>
        <v/>
      </c>
      <c r="C58" s="9"/>
      <c r="D58" s="5"/>
      <c r="E58" s="6"/>
      <c r="F58" s="2"/>
    </row>
    <row r="59" spans="1:6" ht="14.1">
      <c r="A59" s="13"/>
      <c r="B59" s="22" t="str">
        <f>IF(Tbl_Dialogue[[#This Row],[Comment ID]]&lt;&gt;"",_xlfn.XLOOKUP(TEXT(Tbl_Dialogue[[#This Row],[Comment ID]],0),Tbl_Comments[Comment ID],Tbl_Comments[Comment],""),"")</f>
        <v/>
      </c>
      <c r="C59" s="9"/>
      <c r="D59" s="5"/>
      <c r="E59" s="6"/>
      <c r="F59" s="2"/>
    </row>
    <row r="60" spans="1:6" ht="14.1">
      <c r="A60" s="13"/>
      <c r="B60" s="22" t="str">
        <f>IF(Tbl_Dialogue[[#This Row],[Comment ID]]&lt;&gt;"",_xlfn.XLOOKUP(TEXT(Tbl_Dialogue[[#This Row],[Comment ID]],0),Tbl_Comments[Comment ID],Tbl_Comments[Comment],""),"")</f>
        <v/>
      </c>
      <c r="C60" s="9"/>
      <c r="D60" s="5"/>
      <c r="E60" s="6"/>
      <c r="F60" s="2"/>
    </row>
    <row r="61" spans="1:6" ht="14.1">
      <c r="A61" s="13"/>
      <c r="B61" s="22" t="str">
        <f>IF(Tbl_Dialogue[[#This Row],[Comment ID]]&lt;&gt;"",_xlfn.XLOOKUP(TEXT(Tbl_Dialogue[[#This Row],[Comment ID]],0),Tbl_Comments[Comment ID],Tbl_Comments[Comment],""),"")</f>
        <v/>
      </c>
      <c r="C61" s="9"/>
      <c r="D61" s="5"/>
      <c r="E61" s="6"/>
      <c r="F61" s="2"/>
    </row>
    <row r="62" spans="1:6" ht="14.1">
      <c r="A62" s="13"/>
      <c r="B62" s="22" t="str">
        <f>IF(Tbl_Dialogue[[#This Row],[Comment ID]]&lt;&gt;"",_xlfn.XLOOKUP(TEXT(Tbl_Dialogue[[#This Row],[Comment ID]],0),Tbl_Comments[Comment ID],Tbl_Comments[Comment],""),"")</f>
        <v/>
      </c>
      <c r="C62" s="9"/>
      <c r="D62" s="5"/>
      <c r="E62" s="6"/>
      <c r="F62" s="2"/>
    </row>
    <row r="63" spans="1:6" ht="14.1">
      <c r="A63" s="13"/>
      <c r="B63" s="22" t="str">
        <f>IF(Tbl_Dialogue[[#This Row],[Comment ID]]&lt;&gt;"",_xlfn.XLOOKUP(TEXT(Tbl_Dialogue[[#This Row],[Comment ID]],0),Tbl_Comments[Comment ID],Tbl_Comments[Comment],""),"")</f>
        <v/>
      </c>
      <c r="C63" s="9"/>
      <c r="D63" s="5"/>
      <c r="E63" s="6"/>
      <c r="F63" s="2"/>
    </row>
    <row r="64" spans="1:6" ht="14.1">
      <c r="A64" s="13"/>
      <c r="B64" s="22" t="str">
        <f>IF(Tbl_Dialogue[[#This Row],[Comment ID]]&lt;&gt;"",_xlfn.XLOOKUP(TEXT(Tbl_Dialogue[[#This Row],[Comment ID]],0),Tbl_Comments[Comment ID],Tbl_Comments[Comment],""),"")</f>
        <v/>
      </c>
      <c r="C64" s="9"/>
      <c r="D64" s="5"/>
      <c r="E64" s="6"/>
      <c r="F64" s="2"/>
    </row>
    <row r="65" spans="1:6" ht="14.1">
      <c r="A65" s="13"/>
      <c r="B65" s="22" t="str">
        <f>IF(Tbl_Dialogue[[#This Row],[Comment ID]]&lt;&gt;"",_xlfn.XLOOKUP(TEXT(Tbl_Dialogue[[#This Row],[Comment ID]],0),Tbl_Comments[Comment ID],Tbl_Comments[Comment],""),"")</f>
        <v/>
      </c>
      <c r="C65" s="9"/>
      <c r="D65" s="5"/>
      <c r="E65" s="6"/>
      <c r="F65" s="2"/>
    </row>
    <row r="66" spans="1:6" ht="14.1">
      <c r="A66" s="13"/>
      <c r="B66" s="22" t="str">
        <f>IF(Tbl_Dialogue[[#This Row],[Comment ID]]&lt;&gt;"",_xlfn.XLOOKUP(TEXT(Tbl_Dialogue[[#This Row],[Comment ID]],0),Tbl_Comments[Comment ID],Tbl_Comments[Comment],""),"")</f>
        <v/>
      </c>
      <c r="C66" s="9"/>
      <c r="D66" s="5"/>
      <c r="E66" s="6"/>
      <c r="F66" s="2"/>
    </row>
    <row r="67" spans="1:6" ht="14.1">
      <c r="A67" s="13"/>
      <c r="B67" s="22" t="str">
        <f>IF(Tbl_Dialogue[[#This Row],[Comment ID]]&lt;&gt;"",_xlfn.XLOOKUP(TEXT(Tbl_Dialogue[[#This Row],[Comment ID]],0),Tbl_Comments[Comment ID],Tbl_Comments[Comment],""),"")</f>
        <v/>
      </c>
      <c r="C67" s="9"/>
      <c r="D67" s="5"/>
      <c r="E67" s="6"/>
      <c r="F67" s="2"/>
    </row>
    <row r="68" spans="1:6" ht="14.1">
      <c r="A68" s="13"/>
      <c r="B68" s="22" t="str">
        <f>IF(Tbl_Dialogue[[#This Row],[Comment ID]]&lt;&gt;"",_xlfn.XLOOKUP(TEXT(Tbl_Dialogue[[#This Row],[Comment ID]],0),Tbl_Comments[Comment ID],Tbl_Comments[Comment],""),"")</f>
        <v/>
      </c>
      <c r="C68" s="9"/>
      <c r="D68" s="5"/>
      <c r="E68" s="6"/>
      <c r="F68" s="2"/>
    </row>
    <row r="69" spans="1:6" ht="14.1">
      <c r="A69" s="13"/>
      <c r="B69" s="22" t="str">
        <f>IF(Tbl_Dialogue[[#This Row],[Comment ID]]&lt;&gt;"",_xlfn.XLOOKUP(TEXT(Tbl_Dialogue[[#This Row],[Comment ID]],0),Tbl_Comments[Comment ID],Tbl_Comments[Comment],""),"")</f>
        <v/>
      </c>
      <c r="C69" s="9"/>
      <c r="D69" s="5"/>
      <c r="E69" s="6"/>
      <c r="F69" s="2"/>
    </row>
    <row r="70" spans="1:6" ht="14.1">
      <c r="A70" s="13"/>
      <c r="B70" s="22" t="str">
        <f>IF(Tbl_Dialogue[[#This Row],[Comment ID]]&lt;&gt;"",_xlfn.XLOOKUP(TEXT(Tbl_Dialogue[[#This Row],[Comment ID]],0),Tbl_Comments[Comment ID],Tbl_Comments[Comment],""),"")</f>
        <v/>
      </c>
      <c r="C70" s="9"/>
      <c r="D70" s="5"/>
      <c r="E70" s="6"/>
      <c r="F70" s="2"/>
    </row>
    <row r="71" spans="1:6" ht="14.1">
      <c r="A71" s="13"/>
      <c r="B71" s="22" t="str">
        <f>IF(Tbl_Dialogue[[#This Row],[Comment ID]]&lt;&gt;"",_xlfn.XLOOKUP(TEXT(Tbl_Dialogue[[#This Row],[Comment ID]],0),Tbl_Comments[Comment ID],Tbl_Comments[Comment],""),"")</f>
        <v/>
      </c>
      <c r="C71" s="9"/>
      <c r="D71" s="5"/>
      <c r="E71" s="6"/>
      <c r="F71" s="2"/>
    </row>
    <row r="72" spans="1:6" ht="14.1">
      <c r="A72" s="13"/>
      <c r="B72" s="22" t="str">
        <f>IF(Tbl_Dialogue[[#This Row],[Comment ID]]&lt;&gt;"",_xlfn.XLOOKUP(TEXT(Tbl_Dialogue[[#This Row],[Comment ID]],0),Tbl_Comments[Comment ID],Tbl_Comments[Comment],""),"")</f>
        <v/>
      </c>
      <c r="C72" s="9"/>
      <c r="D72" s="5"/>
      <c r="E72" s="6"/>
      <c r="F72" s="2"/>
    </row>
    <row r="73" spans="1:6" ht="14.1">
      <c r="A73" s="13"/>
      <c r="B73" s="22" t="str">
        <f>IF(Tbl_Dialogue[[#This Row],[Comment ID]]&lt;&gt;"",_xlfn.XLOOKUP(TEXT(Tbl_Dialogue[[#This Row],[Comment ID]],0),Tbl_Comments[Comment ID],Tbl_Comments[Comment],""),"")</f>
        <v/>
      </c>
      <c r="C73" s="9"/>
      <c r="D73" s="5"/>
      <c r="E73" s="6"/>
      <c r="F73" s="2"/>
    </row>
    <row r="74" spans="1:6" ht="14.1">
      <c r="A74" s="13"/>
      <c r="B74" s="22" t="str">
        <f>IF(Tbl_Dialogue[[#This Row],[Comment ID]]&lt;&gt;"",_xlfn.XLOOKUP(TEXT(Tbl_Dialogue[[#This Row],[Comment ID]],0),Tbl_Comments[Comment ID],Tbl_Comments[Comment],""),"")</f>
        <v/>
      </c>
      <c r="C74" s="9"/>
      <c r="D74" s="5"/>
      <c r="E74" s="6"/>
      <c r="F74" s="2"/>
    </row>
    <row r="75" spans="1:6" ht="14.1">
      <c r="A75" s="13"/>
      <c r="B75" s="22" t="str">
        <f>IF(Tbl_Dialogue[[#This Row],[Comment ID]]&lt;&gt;"",_xlfn.XLOOKUP(TEXT(Tbl_Dialogue[[#This Row],[Comment ID]],0),Tbl_Comments[Comment ID],Tbl_Comments[Comment],""),"")</f>
        <v/>
      </c>
      <c r="C75" s="9"/>
      <c r="D75" s="5"/>
      <c r="E75" s="6"/>
      <c r="F75" s="2"/>
    </row>
    <row r="76" spans="1:6" ht="14.1">
      <c r="A76" s="13"/>
      <c r="B76" s="22" t="str">
        <f>IF(Tbl_Dialogue[[#This Row],[Comment ID]]&lt;&gt;"",_xlfn.XLOOKUP(TEXT(Tbl_Dialogue[[#This Row],[Comment ID]],0),Tbl_Comments[Comment ID],Tbl_Comments[Comment],""),"")</f>
        <v/>
      </c>
      <c r="C76" s="9"/>
      <c r="D76" s="5"/>
      <c r="E76" s="6"/>
      <c r="F76" s="2"/>
    </row>
    <row r="77" spans="1:6" ht="14.1">
      <c r="A77" s="13"/>
      <c r="B77" s="22" t="str">
        <f>IF(Tbl_Dialogue[[#This Row],[Comment ID]]&lt;&gt;"",_xlfn.XLOOKUP(TEXT(Tbl_Dialogue[[#This Row],[Comment ID]],0),Tbl_Comments[Comment ID],Tbl_Comments[Comment],""),"")</f>
        <v/>
      </c>
      <c r="C77" s="9"/>
      <c r="D77" s="5"/>
      <c r="E77" s="6"/>
      <c r="F77" s="2"/>
    </row>
    <row r="78" spans="1:6" ht="14.1">
      <c r="A78" s="13"/>
      <c r="B78" s="22" t="str">
        <f>IF(Tbl_Dialogue[[#This Row],[Comment ID]]&lt;&gt;"",_xlfn.XLOOKUP(TEXT(Tbl_Dialogue[[#This Row],[Comment ID]],0),Tbl_Comments[Comment ID],Tbl_Comments[Comment],""),"")</f>
        <v/>
      </c>
      <c r="C78" s="9"/>
      <c r="D78" s="5"/>
      <c r="E78" s="6"/>
      <c r="F78" s="2"/>
    </row>
    <row r="79" spans="1:6" ht="14.1">
      <c r="A79" s="13"/>
      <c r="B79" s="22" t="str">
        <f>IF(Tbl_Dialogue[[#This Row],[Comment ID]]&lt;&gt;"",_xlfn.XLOOKUP(TEXT(Tbl_Dialogue[[#This Row],[Comment ID]],0),Tbl_Comments[Comment ID],Tbl_Comments[Comment],""),"")</f>
        <v/>
      </c>
      <c r="C79" s="9"/>
      <c r="D79" s="5"/>
      <c r="E79" s="6"/>
      <c r="F79" s="2"/>
    </row>
    <row r="80" spans="1:6" ht="14.1">
      <c r="A80" s="13"/>
      <c r="B80" s="22" t="str">
        <f>IF(Tbl_Dialogue[[#This Row],[Comment ID]]&lt;&gt;"",_xlfn.XLOOKUP(TEXT(Tbl_Dialogue[[#This Row],[Comment ID]],0),Tbl_Comments[Comment ID],Tbl_Comments[Comment],""),"")</f>
        <v/>
      </c>
      <c r="C80" s="9"/>
      <c r="D80" s="5"/>
      <c r="E80" s="6"/>
      <c r="F80" s="2"/>
    </row>
    <row r="81" spans="1:6" ht="14.1">
      <c r="A81" s="13"/>
      <c r="B81" s="22" t="str">
        <f>IF(Tbl_Dialogue[[#This Row],[Comment ID]]&lt;&gt;"",_xlfn.XLOOKUP(TEXT(Tbl_Dialogue[[#This Row],[Comment ID]],0),Tbl_Comments[Comment ID],Tbl_Comments[Comment],""),"")</f>
        <v/>
      </c>
      <c r="C81" s="9"/>
      <c r="D81" s="5"/>
      <c r="E81" s="6"/>
      <c r="F81" s="2"/>
    </row>
    <row r="82" spans="1:6" ht="14.1">
      <c r="A82" s="13"/>
      <c r="B82" s="22" t="str">
        <f>IF(Tbl_Dialogue[[#This Row],[Comment ID]]&lt;&gt;"",_xlfn.XLOOKUP(TEXT(Tbl_Dialogue[[#This Row],[Comment ID]],0),Tbl_Comments[Comment ID],Tbl_Comments[Comment],""),"")</f>
        <v/>
      </c>
      <c r="C82" s="9"/>
      <c r="D82" s="5"/>
      <c r="E82" s="6"/>
      <c r="F82" s="2"/>
    </row>
    <row r="83" spans="1:6" ht="14.1">
      <c r="A83" s="13"/>
      <c r="B83" s="22" t="str">
        <f>IF(Tbl_Dialogue[[#This Row],[Comment ID]]&lt;&gt;"",_xlfn.XLOOKUP(TEXT(Tbl_Dialogue[[#This Row],[Comment ID]],0),Tbl_Comments[Comment ID],Tbl_Comments[Comment],""),"")</f>
        <v/>
      </c>
      <c r="C83" s="9"/>
      <c r="D83" s="5"/>
      <c r="E83" s="6"/>
      <c r="F83" s="2"/>
    </row>
    <row r="84" spans="1:6" ht="14.1">
      <c r="A84" s="13"/>
      <c r="B84" s="22" t="str">
        <f>IF(Tbl_Dialogue[[#This Row],[Comment ID]]&lt;&gt;"",_xlfn.XLOOKUP(TEXT(Tbl_Dialogue[[#This Row],[Comment ID]],0),Tbl_Comments[Comment ID],Tbl_Comments[Comment],""),"")</f>
        <v/>
      </c>
      <c r="C84" s="9"/>
      <c r="D84" s="5"/>
      <c r="E84" s="6"/>
      <c r="F84" s="2"/>
    </row>
    <row r="85" spans="1:6" ht="14.1">
      <c r="A85" s="13"/>
      <c r="B85" s="22" t="str">
        <f>IF(Tbl_Dialogue[[#This Row],[Comment ID]]&lt;&gt;"",_xlfn.XLOOKUP(TEXT(Tbl_Dialogue[[#This Row],[Comment ID]],0),Tbl_Comments[Comment ID],Tbl_Comments[Comment],""),"")</f>
        <v/>
      </c>
      <c r="C85" s="9"/>
      <c r="D85" s="5"/>
      <c r="E85" s="6"/>
      <c r="F85" s="2"/>
    </row>
    <row r="86" spans="1:6" ht="14.1">
      <c r="A86" s="13"/>
      <c r="B86" s="22" t="str">
        <f>IF(Tbl_Dialogue[[#This Row],[Comment ID]]&lt;&gt;"",_xlfn.XLOOKUP(TEXT(Tbl_Dialogue[[#This Row],[Comment ID]],0),Tbl_Comments[Comment ID],Tbl_Comments[Comment],""),"")</f>
        <v/>
      </c>
      <c r="C86" s="9"/>
      <c r="D86" s="5"/>
      <c r="E86" s="6"/>
      <c r="F86" s="2"/>
    </row>
    <row r="87" spans="1:6" ht="14.1">
      <c r="A87" s="13"/>
      <c r="B87" s="22" t="str">
        <f>IF(Tbl_Dialogue[[#This Row],[Comment ID]]&lt;&gt;"",_xlfn.XLOOKUP(TEXT(Tbl_Dialogue[[#This Row],[Comment ID]],0),Tbl_Comments[Comment ID],Tbl_Comments[Comment],""),"")</f>
        <v/>
      </c>
      <c r="C87" s="9"/>
      <c r="D87" s="5"/>
      <c r="E87" s="6"/>
      <c r="F87" s="2"/>
    </row>
    <row r="88" spans="1:6" ht="14.1">
      <c r="A88" s="13"/>
      <c r="B88" s="22" t="str">
        <f>IF(Tbl_Dialogue[[#This Row],[Comment ID]]&lt;&gt;"",_xlfn.XLOOKUP(TEXT(Tbl_Dialogue[[#This Row],[Comment ID]],0),Tbl_Comments[Comment ID],Tbl_Comments[Comment],""),"")</f>
        <v/>
      </c>
      <c r="C88" s="9"/>
      <c r="D88" s="5"/>
      <c r="E88" s="6"/>
      <c r="F88" s="2"/>
    </row>
    <row r="89" spans="1:6" ht="14.1">
      <c r="A89" s="13"/>
      <c r="B89" s="22" t="str">
        <f>IF(Tbl_Dialogue[[#This Row],[Comment ID]]&lt;&gt;"",_xlfn.XLOOKUP(TEXT(Tbl_Dialogue[[#This Row],[Comment ID]],0),Tbl_Comments[Comment ID],Tbl_Comments[Comment],""),"")</f>
        <v/>
      </c>
      <c r="C89" s="9"/>
      <c r="D89" s="5"/>
      <c r="E89" s="6"/>
      <c r="F89" s="2"/>
    </row>
    <row r="90" spans="1:6" ht="14.1">
      <c r="A90" s="13"/>
      <c r="B90" s="22" t="str">
        <f>IF(Tbl_Dialogue[[#This Row],[Comment ID]]&lt;&gt;"",_xlfn.XLOOKUP(TEXT(Tbl_Dialogue[[#This Row],[Comment ID]],0),Tbl_Comments[Comment ID],Tbl_Comments[Comment],""),"")</f>
        <v/>
      </c>
      <c r="C90" s="9"/>
      <c r="D90" s="5"/>
      <c r="E90" s="6"/>
      <c r="F90" s="2"/>
    </row>
    <row r="91" spans="1:6" ht="14.1">
      <c r="A91" s="13"/>
      <c r="B91" s="22" t="str">
        <f>IF(Tbl_Dialogue[[#This Row],[Comment ID]]&lt;&gt;"",_xlfn.XLOOKUP(TEXT(Tbl_Dialogue[[#This Row],[Comment ID]],0),Tbl_Comments[Comment ID],Tbl_Comments[Comment],""),"")</f>
        <v/>
      </c>
      <c r="C91" s="9"/>
      <c r="D91" s="5"/>
      <c r="E91" s="6"/>
      <c r="F91" s="2"/>
    </row>
    <row r="92" spans="1:6" ht="14.1">
      <c r="A92" s="13"/>
      <c r="B92" s="22" t="str">
        <f>IF(Tbl_Dialogue[[#This Row],[Comment ID]]&lt;&gt;"",_xlfn.XLOOKUP(TEXT(Tbl_Dialogue[[#This Row],[Comment ID]],0),Tbl_Comments[Comment ID],Tbl_Comments[Comment],""),"")</f>
        <v/>
      </c>
      <c r="C92" s="9"/>
      <c r="D92" s="5"/>
      <c r="E92" s="6"/>
      <c r="F92" s="2"/>
    </row>
    <row r="93" spans="1:6" ht="14.1">
      <c r="A93" s="13"/>
      <c r="B93" s="22" t="str">
        <f>IF(Tbl_Dialogue[[#This Row],[Comment ID]]&lt;&gt;"",_xlfn.XLOOKUP(TEXT(Tbl_Dialogue[[#This Row],[Comment ID]],0),Tbl_Comments[Comment ID],Tbl_Comments[Comment],""),"")</f>
        <v/>
      </c>
      <c r="C93" s="9"/>
      <c r="D93" s="5"/>
      <c r="E93" s="6"/>
      <c r="F93" s="2"/>
    </row>
    <row r="94" spans="1:6" ht="14.1">
      <c r="A94" s="13"/>
      <c r="B94" s="22" t="str">
        <f>IF(Tbl_Dialogue[[#This Row],[Comment ID]]&lt;&gt;"",_xlfn.XLOOKUP(TEXT(Tbl_Dialogue[[#This Row],[Comment ID]],0),Tbl_Comments[Comment ID],Tbl_Comments[Comment],""),"")</f>
        <v/>
      </c>
      <c r="C94" s="9"/>
      <c r="D94" s="5"/>
      <c r="E94" s="6"/>
      <c r="F94" s="2"/>
    </row>
    <row r="95" spans="1:6" ht="14.1">
      <c r="A95" s="13"/>
      <c r="B95" s="22" t="str">
        <f>IF(Tbl_Dialogue[[#This Row],[Comment ID]]&lt;&gt;"",_xlfn.XLOOKUP(TEXT(Tbl_Dialogue[[#This Row],[Comment ID]],0),Tbl_Comments[Comment ID],Tbl_Comments[Comment],""),"")</f>
        <v/>
      </c>
      <c r="C95" s="9"/>
      <c r="D95" s="5"/>
      <c r="E95" s="6"/>
      <c r="F95" s="2"/>
    </row>
    <row r="96" spans="1:6" ht="14.1">
      <c r="A96" s="13"/>
      <c r="B96" s="22" t="str">
        <f>IF(Tbl_Dialogue[[#This Row],[Comment ID]]&lt;&gt;"",_xlfn.XLOOKUP(TEXT(Tbl_Dialogue[[#This Row],[Comment ID]],0),Tbl_Comments[Comment ID],Tbl_Comments[Comment],""),"")</f>
        <v/>
      </c>
      <c r="C96" s="9"/>
      <c r="D96" s="5"/>
      <c r="E96" s="6"/>
      <c r="F96" s="2"/>
    </row>
    <row r="97" spans="1:6" ht="14.1">
      <c r="A97" s="13"/>
      <c r="B97" s="22" t="str">
        <f>IF(Tbl_Dialogue[[#This Row],[Comment ID]]&lt;&gt;"",_xlfn.XLOOKUP(TEXT(Tbl_Dialogue[[#This Row],[Comment ID]],0),Tbl_Comments[Comment ID],Tbl_Comments[Comment],""),"")</f>
        <v/>
      </c>
      <c r="C97" s="9"/>
      <c r="D97" s="5"/>
      <c r="E97" s="6"/>
      <c r="F97" s="2"/>
    </row>
    <row r="98" spans="1:6" ht="14.1">
      <c r="A98" s="13"/>
      <c r="B98" s="22" t="str">
        <f>IF(Tbl_Dialogue[[#This Row],[Comment ID]]&lt;&gt;"",_xlfn.XLOOKUP(TEXT(Tbl_Dialogue[[#This Row],[Comment ID]],0),Tbl_Comments[Comment ID],Tbl_Comments[Comment],""),"")</f>
        <v/>
      </c>
      <c r="C98" s="9"/>
      <c r="D98" s="5"/>
      <c r="E98" s="6"/>
      <c r="F98" s="2"/>
    </row>
    <row r="99" spans="1:6" ht="14.1">
      <c r="A99" s="13"/>
      <c r="B99" s="22" t="str">
        <f>IF(Tbl_Dialogue[[#This Row],[Comment ID]]&lt;&gt;"",_xlfn.XLOOKUP(TEXT(Tbl_Dialogue[[#This Row],[Comment ID]],0),Tbl_Comments[Comment ID],Tbl_Comments[Comment],""),"")</f>
        <v/>
      </c>
      <c r="C99" s="9"/>
      <c r="D99" s="5"/>
      <c r="E99" s="6"/>
      <c r="F99" s="2"/>
    </row>
    <row r="100" spans="1:6" ht="14.1">
      <c r="A100" s="13"/>
      <c r="B100" s="22" t="str">
        <f>IF(Tbl_Dialogue[[#This Row],[Comment ID]]&lt;&gt;"",_xlfn.XLOOKUP(TEXT(Tbl_Dialogue[[#This Row],[Comment ID]],0),Tbl_Comments[Comment ID],Tbl_Comments[Comment],""),"")</f>
        <v/>
      </c>
      <c r="C100" s="9"/>
      <c r="D100" s="5"/>
      <c r="E100" s="6"/>
      <c r="F100" s="2"/>
    </row>
    <row r="101" spans="1:6" ht="14.1">
      <c r="A101" s="13"/>
      <c r="B101" s="22" t="str">
        <f>IF(Tbl_Dialogue[[#This Row],[Comment ID]]&lt;&gt;"",_xlfn.XLOOKUP(TEXT(Tbl_Dialogue[[#This Row],[Comment ID]],0),Tbl_Comments[Comment ID],Tbl_Comments[Comment],""),"")</f>
        <v/>
      </c>
      <c r="C101" s="9"/>
      <c r="D101" s="5"/>
      <c r="E101" s="6"/>
      <c r="F101" s="2"/>
    </row>
    <row r="102" spans="1:6" ht="14.1">
      <c r="A102" s="13"/>
      <c r="B102" s="22" t="str">
        <f>IF(Tbl_Dialogue[[#This Row],[Comment ID]]&lt;&gt;"",_xlfn.XLOOKUP(TEXT(Tbl_Dialogue[[#This Row],[Comment ID]],0),Tbl_Comments[Comment ID],Tbl_Comments[Comment],""),"")</f>
        <v/>
      </c>
      <c r="C102" s="9"/>
      <c r="D102" s="5"/>
      <c r="E102" s="6"/>
      <c r="F102" s="2"/>
    </row>
    <row r="103" spans="1:6" ht="14.1">
      <c r="A103" s="13"/>
      <c r="B103" s="22" t="str">
        <f>IF(Tbl_Dialogue[[#This Row],[Comment ID]]&lt;&gt;"",_xlfn.XLOOKUP(TEXT(Tbl_Dialogue[[#This Row],[Comment ID]],0),Tbl_Comments[Comment ID],Tbl_Comments[Comment],""),"")</f>
        <v/>
      </c>
      <c r="C103" s="9"/>
      <c r="D103" s="5"/>
      <c r="E103" s="6"/>
      <c r="F103" s="2"/>
    </row>
    <row r="104" spans="1:6" ht="14.1">
      <c r="A104" s="13"/>
      <c r="B104" s="22" t="str">
        <f>IF(Tbl_Dialogue[[#This Row],[Comment ID]]&lt;&gt;"",_xlfn.XLOOKUP(TEXT(Tbl_Dialogue[[#This Row],[Comment ID]],0),Tbl_Comments[Comment ID],Tbl_Comments[Comment],""),"")</f>
        <v/>
      </c>
      <c r="C104" s="9"/>
      <c r="D104" s="5"/>
      <c r="E104" s="6"/>
      <c r="F104" s="2"/>
    </row>
    <row r="105" spans="1:6" ht="14.1">
      <c r="A105" s="13"/>
      <c r="B105" s="22" t="str">
        <f>IF(Tbl_Dialogue[[#This Row],[Comment ID]]&lt;&gt;"",_xlfn.XLOOKUP(TEXT(Tbl_Dialogue[[#This Row],[Comment ID]],0),Tbl_Comments[Comment ID],Tbl_Comments[Comment],""),"")</f>
        <v/>
      </c>
      <c r="C105" s="9"/>
      <c r="D105" s="5"/>
      <c r="E105" s="6"/>
      <c r="F105" s="2"/>
    </row>
    <row r="106" spans="1:6" ht="14.1">
      <c r="A106" s="13"/>
      <c r="B106" s="22" t="str">
        <f>IF(Tbl_Dialogue[[#This Row],[Comment ID]]&lt;&gt;"",_xlfn.XLOOKUP(TEXT(Tbl_Dialogue[[#This Row],[Comment ID]],0),Tbl_Comments[Comment ID],Tbl_Comments[Comment],""),"")</f>
        <v/>
      </c>
      <c r="C106" s="9"/>
      <c r="D106" s="5"/>
      <c r="E106" s="6"/>
      <c r="F106" s="2"/>
    </row>
    <row r="107" spans="1:6" ht="14.1">
      <c r="A107" s="13"/>
      <c r="B107" s="22" t="str">
        <f>IF(Tbl_Dialogue[[#This Row],[Comment ID]]&lt;&gt;"",_xlfn.XLOOKUP(TEXT(Tbl_Dialogue[[#This Row],[Comment ID]],0),Tbl_Comments[Comment ID],Tbl_Comments[Comment],""),"")</f>
        <v/>
      </c>
      <c r="C107" s="9"/>
      <c r="D107" s="5"/>
      <c r="E107" s="6"/>
      <c r="F107" s="2"/>
    </row>
    <row r="108" spans="1:6" ht="14.1">
      <c r="A108" s="13"/>
      <c r="B108" s="22" t="str">
        <f>IF(Tbl_Dialogue[[#This Row],[Comment ID]]&lt;&gt;"",_xlfn.XLOOKUP(TEXT(Tbl_Dialogue[[#This Row],[Comment ID]],0),Tbl_Comments[Comment ID],Tbl_Comments[Comment],""),"")</f>
        <v/>
      </c>
      <c r="C108" s="9"/>
      <c r="D108" s="5"/>
      <c r="E108" s="6"/>
      <c r="F108" s="2"/>
    </row>
    <row r="109" spans="1:6" ht="14.1">
      <c r="A109" s="13"/>
      <c r="B109" s="22" t="str">
        <f>IF(Tbl_Dialogue[[#This Row],[Comment ID]]&lt;&gt;"",_xlfn.XLOOKUP(TEXT(Tbl_Dialogue[[#This Row],[Comment ID]],0),Tbl_Comments[Comment ID],Tbl_Comments[Comment],""),"")</f>
        <v/>
      </c>
      <c r="C109" s="9"/>
      <c r="D109" s="5"/>
      <c r="E109" s="6"/>
      <c r="F109" s="2"/>
    </row>
    <row r="110" spans="1:6" ht="14.1">
      <c r="A110" s="13"/>
      <c r="B110" s="22" t="str">
        <f>IF(Tbl_Dialogue[[#This Row],[Comment ID]]&lt;&gt;"",_xlfn.XLOOKUP(TEXT(Tbl_Dialogue[[#This Row],[Comment ID]],0),Tbl_Comments[Comment ID],Tbl_Comments[Comment],""),"")</f>
        <v/>
      </c>
      <c r="C110" s="9"/>
      <c r="D110" s="5"/>
      <c r="E110" s="6"/>
      <c r="F110" s="2"/>
    </row>
    <row r="111" spans="1:6" ht="14.1">
      <c r="A111" s="13"/>
      <c r="B111" s="22" t="str">
        <f>IF(Tbl_Dialogue[[#This Row],[Comment ID]]&lt;&gt;"",_xlfn.XLOOKUP(TEXT(Tbl_Dialogue[[#This Row],[Comment ID]],0),Tbl_Comments[Comment ID],Tbl_Comments[Comment],""),"")</f>
        <v/>
      </c>
      <c r="C111" s="9"/>
      <c r="D111" s="5"/>
      <c r="E111" s="6"/>
      <c r="F111" s="2"/>
    </row>
    <row r="112" spans="1:6" ht="14.1">
      <c r="A112" s="13"/>
      <c r="B112" s="22" t="str">
        <f>IF(Tbl_Dialogue[[#This Row],[Comment ID]]&lt;&gt;"",_xlfn.XLOOKUP(TEXT(Tbl_Dialogue[[#This Row],[Comment ID]],0),Tbl_Comments[Comment ID],Tbl_Comments[Comment],""),"")</f>
        <v/>
      </c>
      <c r="C112" s="9"/>
      <c r="D112" s="5"/>
      <c r="E112" s="6"/>
      <c r="F112" s="2"/>
    </row>
    <row r="113" spans="1:6" ht="14.1">
      <c r="A113" s="13"/>
      <c r="B113" s="22" t="str">
        <f>IF(Tbl_Dialogue[[#This Row],[Comment ID]]&lt;&gt;"",_xlfn.XLOOKUP(TEXT(Tbl_Dialogue[[#This Row],[Comment ID]],0),Tbl_Comments[Comment ID],Tbl_Comments[Comment],""),"")</f>
        <v/>
      </c>
      <c r="C113" s="9"/>
      <c r="D113" s="5"/>
      <c r="E113" s="6"/>
      <c r="F113" s="2"/>
    </row>
    <row r="114" spans="1:6" ht="14.1">
      <c r="A114" s="13"/>
      <c r="B114" s="22" t="str">
        <f>IF(Tbl_Dialogue[[#This Row],[Comment ID]]&lt;&gt;"",_xlfn.XLOOKUP(TEXT(Tbl_Dialogue[[#This Row],[Comment ID]],0),Tbl_Comments[Comment ID],Tbl_Comments[Comment],""),"")</f>
        <v/>
      </c>
      <c r="C114" s="9"/>
      <c r="D114" s="5"/>
      <c r="E114" s="6"/>
      <c r="F114" s="2"/>
    </row>
    <row r="115" spans="1:6" ht="14.1">
      <c r="A115" s="13"/>
      <c r="B115" s="22" t="str">
        <f>IF(Tbl_Dialogue[[#This Row],[Comment ID]]&lt;&gt;"",_xlfn.XLOOKUP(TEXT(Tbl_Dialogue[[#This Row],[Comment ID]],0),Tbl_Comments[Comment ID],Tbl_Comments[Comment],""),"")</f>
        <v/>
      </c>
      <c r="C115" s="9"/>
      <c r="D115" s="5"/>
      <c r="E115" s="6"/>
      <c r="F115" s="2"/>
    </row>
    <row r="116" spans="1:6" ht="14.1">
      <c r="A116" s="13"/>
      <c r="B116" s="22" t="str">
        <f>IF(Tbl_Dialogue[[#This Row],[Comment ID]]&lt;&gt;"",_xlfn.XLOOKUP(TEXT(Tbl_Dialogue[[#This Row],[Comment ID]],0),Tbl_Comments[Comment ID],Tbl_Comments[Comment],""),"")</f>
        <v/>
      </c>
      <c r="C116" s="9"/>
      <c r="D116" s="5"/>
      <c r="E116" s="6"/>
      <c r="F116" s="2"/>
    </row>
    <row r="117" spans="1:6" ht="14.1">
      <c r="A117" s="13"/>
      <c r="B117" s="22" t="str">
        <f>IF(Tbl_Dialogue[[#This Row],[Comment ID]]&lt;&gt;"",_xlfn.XLOOKUP(TEXT(Tbl_Dialogue[[#This Row],[Comment ID]],0),Tbl_Comments[Comment ID],Tbl_Comments[Comment],""),"")</f>
        <v/>
      </c>
      <c r="C117" s="9"/>
      <c r="D117" s="5"/>
      <c r="E117" s="6"/>
      <c r="F117" s="2"/>
    </row>
    <row r="118" spans="1:6" ht="14.1">
      <c r="A118" s="13"/>
      <c r="B118" s="22" t="str">
        <f>IF(Tbl_Dialogue[[#This Row],[Comment ID]]&lt;&gt;"",_xlfn.XLOOKUP(TEXT(Tbl_Dialogue[[#This Row],[Comment ID]],0),Tbl_Comments[Comment ID],Tbl_Comments[Comment],""),"")</f>
        <v/>
      </c>
      <c r="C118" s="9"/>
      <c r="D118" s="5"/>
      <c r="E118" s="6"/>
      <c r="F118" s="2"/>
    </row>
    <row r="119" spans="1:6" ht="14.1">
      <c r="A119" s="13"/>
      <c r="B119" s="22" t="str">
        <f>IF(Tbl_Dialogue[[#This Row],[Comment ID]]&lt;&gt;"",_xlfn.XLOOKUP(TEXT(Tbl_Dialogue[[#This Row],[Comment ID]],0),Tbl_Comments[Comment ID],Tbl_Comments[Comment],""),"")</f>
        <v/>
      </c>
      <c r="C119" s="9"/>
      <c r="D119" s="5"/>
      <c r="E119" s="6"/>
      <c r="F119" s="2"/>
    </row>
    <row r="120" spans="1:6" ht="14.1">
      <c r="A120" s="13"/>
      <c r="B120" s="22" t="str">
        <f>IF(Tbl_Dialogue[[#This Row],[Comment ID]]&lt;&gt;"",_xlfn.XLOOKUP(TEXT(Tbl_Dialogue[[#This Row],[Comment ID]],0),Tbl_Comments[Comment ID],Tbl_Comments[Comment],""),"")</f>
        <v/>
      </c>
      <c r="C120" s="9"/>
      <c r="D120" s="5"/>
      <c r="E120" s="6"/>
      <c r="F120" s="2"/>
    </row>
    <row r="121" spans="1:6" ht="14.1">
      <c r="A121" s="13"/>
      <c r="B121" s="22" t="str">
        <f>IF(Tbl_Dialogue[[#This Row],[Comment ID]]&lt;&gt;"",_xlfn.XLOOKUP(TEXT(Tbl_Dialogue[[#This Row],[Comment ID]],0),Tbl_Comments[Comment ID],Tbl_Comments[Comment],""),"")</f>
        <v/>
      </c>
      <c r="C121" s="9"/>
      <c r="D121" s="5"/>
      <c r="E121" s="6"/>
      <c r="F121" s="2"/>
    </row>
    <row r="122" spans="1:6" ht="14.1">
      <c r="A122" s="13"/>
      <c r="B122" s="22" t="str">
        <f>IF(Tbl_Dialogue[[#This Row],[Comment ID]]&lt;&gt;"",_xlfn.XLOOKUP(TEXT(Tbl_Dialogue[[#This Row],[Comment ID]],0),Tbl_Comments[Comment ID],Tbl_Comments[Comment],""),"")</f>
        <v/>
      </c>
      <c r="C122" s="9"/>
      <c r="D122" s="5"/>
      <c r="E122" s="6"/>
      <c r="F122" s="2"/>
    </row>
    <row r="123" spans="1:6" ht="14.1">
      <c r="A123" s="13"/>
      <c r="B123" s="22" t="str">
        <f>IF(Tbl_Dialogue[[#This Row],[Comment ID]]&lt;&gt;"",_xlfn.XLOOKUP(TEXT(Tbl_Dialogue[[#This Row],[Comment ID]],0),Tbl_Comments[Comment ID],Tbl_Comments[Comment],""),"")</f>
        <v/>
      </c>
      <c r="C123" s="9"/>
      <c r="D123" s="5"/>
      <c r="E123" s="6"/>
      <c r="F123" s="2"/>
    </row>
    <row r="124" spans="1:6" ht="14.1">
      <c r="A124" s="13"/>
      <c r="B124" s="22" t="str">
        <f>IF(Tbl_Dialogue[[#This Row],[Comment ID]]&lt;&gt;"",_xlfn.XLOOKUP(TEXT(Tbl_Dialogue[[#This Row],[Comment ID]],0),Tbl_Comments[Comment ID],Tbl_Comments[Comment],""),"")</f>
        <v/>
      </c>
      <c r="C124" s="9"/>
      <c r="D124" s="5"/>
      <c r="E124" s="6"/>
      <c r="F124" s="2"/>
    </row>
    <row r="125" spans="1:6" ht="14.1">
      <c r="A125" s="13"/>
      <c r="B125" s="22" t="str">
        <f>IF(Tbl_Dialogue[[#This Row],[Comment ID]]&lt;&gt;"",_xlfn.XLOOKUP(TEXT(Tbl_Dialogue[[#This Row],[Comment ID]],0),Tbl_Comments[Comment ID],Tbl_Comments[Comment],""),"")</f>
        <v/>
      </c>
      <c r="C125" s="9"/>
      <c r="D125" s="5"/>
      <c r="E125" s="6"/>
      <c r="F125" s="2"/>
    </row>
    <row r="126" spans="1:6" ht="14.1">
      <c r="A126" s="13"/>
      <c r="B126" s="22" t="str">
        <f>IF(Tbl_Dialogue[[#This Row],[Comment ID]]&lt;&gt;"",_xlfn.XLOOKUP(TEXT(Tbl_Dialogue[[#This Row],[Comment ID]],0),Tbl_Comments[Comment ID],Tbl_Comments[Comment],""),"")</f>
        <v/>
      </c>
      <c r="C126" s="9"/>
      <c r="D126" s="5"/>
      <c r="E126" s="6"/>
      <c r="F126" s="2"/>
    </row>
    <row r="127" spans="1:6" ht="14.1">
      <c r="A127" s="13"/>
      <c r="B127" s="22" t="str">
        <f>IF(Tbl_Dialogue[[#This Row],[Comment ID]]&lt;&gt;"",_xlfn.XLOOKUP(TEXT(Tbl_Dialogue[[#This Row],[Comment ID]],0),Tbl_Comments[Comment ID],Tbl_Comments[Comment],""),"")</f>
        <v/>
      </c>
      <c r="C127" s="9"/>
      <c r="D127" s="5"/>
      <c r="E127" s="6"/>
      <c r="F127" s="2"/>
    </row>
    <row r="128" spans="1:6" ht="14.1">
      <c r="A128" s="13"/>
      <c r="B128" s="22" t="str">
        <f>IF(Tbl_Dialogue[[#This Row],[Comment ID]]&lt;&gt;"",_xlfn.XLOOKUP(TEXT(Tbl_Dialogue[[#This Row],[Comment ID]],0),Tbl_Comments[Comment ID],Tbl_Comments[Comment],""),"")</f>
        <v/>
      </c>
      <c r="C128" s="9"/>
      <c r="D128" s="5"/>
      <c r="E128" s="6"/>
      <c r="F128" s="2"/>
    </row>
    <row r="129" spans="1:6" ht="14.1">
      <c r="A129" s="13"/>
      <c r="B129" s="22" t="str">
        <f>IF(Tbl_Dialogue[[#This Row],[Comment ID]]&lt;&gt;"",_xlfn.XLOOKUP(TEXT(Tbl_Dialogue[[#This Row],[Comment ID]],0),Tbl_Comments[Comment ID],Tbl_Comments[Comment],""),"")</f>
        <v/>
      </c>
      <c r="C129" s="9"/>
      <c r="D129" s="5"/>
      <c r="E129" s="6"/>
      <c r="F129" s="2"/>
    </row>
    <row r="130" spans="1:6" ht="14.1">
      <c r="A130" s="13"/>
      <c r="B130" s="22" t="str">
        <f>IF(Tbl_Dialogue[[#This Row],[Comment ID]]&lt;&gt;"",_xlfn.XLOOKUP(TEXT(Tbl_Dialogue[[#This Row],[Comment ID]],0),Tbl_Comments[Comment ID],Tbl_Comments[Comment],""),"")</f>
        <v/>
      </c>
      <c r="C130" s="9"/>
      <c r="D130" s="5"/>
      <c r="E130" s="6"/>
      <c r="F130" s="2"/>
    </row>
    <row r="131" spans="1:6" ht="14.1">
      <c r="A131" s="13"/>
      <c r="B131" s="22" t="str">
        <f>IF(Tbl_Dialogue[[#This Row],[Comment ID]]&lt;&gt;"",_xlfn.XLOOKUP(TEXT(Tbl_Dialogue[[#This Row],[Comment ID]],0),Tbl_Comments[Comment ID],Tbl_Comments[Comment],""),"")</f>
        <v/>
      </c>
      <c r="C131" s="9"/>
      <c r="D131" s="5"/>
      <c r="E131" s="6"/>
      <c r="F131" s="2"/>
    </row>
    <row r="132" spans="1:6" ht="14.1">
      <c r="A132" s="13"/>
      <c r="B132" s="22" t="str">
        <f>IF(Tbl_Dialogue[[#This Row],[Comment ID]]&lt;&gt;"",_xlfn.XLOOKUP(TEXT(Tbl_Dialogue[[#This Row],[Comment ID]],0),Tbl_Comments[Comment ID],Tbl_Comments[Comment],""),"")</f>
        <v/>
      </c>
      <c r="C132" s="9"/>
      <c r="D132" s="5"/>
      <c r="E132" s="6"/>
      <c r="F132" s="2"/>
    </row>
    <row r="133" spans="1:6" ht="14.1">
      <c r="A133" s="13"/>
      <c r="B133" s="22" t="str">
        <f>IF(Tbl_Dialogue[[#This Row],[Comment ID]]&lt;&gt;"",_xlfn.XLOOKUP(TEXT(Tbl_Dialogue[[#This Row],[Comment ID]],0),Tbl_Comments[Comment ID],Tbl_Comments[Comment],""),"")</f>
        <v/>
      </c>
      <c r="C133" s="9"/>
      <c r="D133" s="5"/>
      <c r="E133" s="6"/>
      <c r="F133" s="2"/>
    </row>
    <row r="134" spans="1:6" ht="14.1">
      <c r="A134" s="13"/>
      <c r="B134" s="22" t="str">
        <f>IF(Tbl_Dialogue[[#This Row],[Comment ID]]&lt;&gt;"",_xlfn.XLOOKUP(TEXT(Tbl_Dialogue[[#This Row],[Comment ID]],0),Tbl_Comments[Comment ID],Tbl_Comments[Comment],""),"")</f>
        <v/>
      </c>
      <c r="C134" s="9"/>
      <c r="D134" s="5"/>
      <c r="E134" s="6"/>
      <c r="F134" s="2"/>
    </row>
    <row r="135" spans="1:6" ht="14.1">
      <c r="A135" s="13"/>
      <c r="B135" s="22" t="str">
        <f>IF(Tbl_Dialogue[[#This Row],[Comment ID]]&lt;&gt;"",_xlfn.XLOOKUP(TEXT(Tbl_Dialogue[[#This Row],[Comment ID]],0),Tbl_Comments[Comment ID],Tbl_Comments[Comment],""),"")</f>
        <v/>
      </c>
      <c r="C135" s="9"/>
      <c r="D135" s="5"/>
      <c r="E135" s="6"/>
      <c r="F135" s="2"/>
    </row>
    <row r="136" spans="1:6" ht="14.1">
      <c r="A136" s="13"/>
      <c r="B136" s="22" t="str">
        <f>IF(Tbl_Dialogue[[#This Row],[Comment ID]]&lt;&gt;"",_xlfn.XLOOKUP(TEXT(Tbl_Dialogue[[#This Row],[Comment ID]],0),Tbl_Comments[Comment ID],Tbl_Comments[Comment],""),"")</f>
        <v/>
      </c>
      <c r="C136" s="9"/>
      <c r="D136" s="5"/>
      <c r="E136" s="6"/>
      <c r="F136" s="2"/>
    </row>
    <row r="137" spans="1:6" ht="14.1">
      <c r="A137" s="13"/>
      <c r="B137" s="22" t="str">
        <f>IF(Tbl_Dialogue[[#This Row],[Comment ID]]&lt;&gt;"",_xlfn.XLOOKUP(TEXT(Tbl_Dialogue[[#This Row],[Comment ID]],0),Tbl_Comments[Comment ID],Tbl_Comments[Comment],""),"")</f>
        <v/>
      </c>
      <c r="C137" s="9"/>
      <c r="D137" s="5"/>
      <c r="E137" s="6"/>
      <c r="F137" s="2"/>
    </row>
    <row r="138" spans="1:6" ht="14.1">
      <c r="A138" s="13"/>
      <c r="B138" s="22" t="str">
        <f>IF(Tbl_Dialogue[[#This Row],[Comment ID]]&lt;&gt;"",_xlfn.XLOOKUP(TEXT(Tbl_Dialogue[[#This Row],[Comment ID]],0),Tbl_Comments[Comment ID],Tbl_Comments[Comment],""),"")</f>
        <v/>
      </c>
      <c r="C138" s="9"/>
      <c r="D138" s="5"/>
      <c r="E138" s="6"/>
      <c r="F138" s="2"/>
    </row>
    <row r="139" spans="1:6" ht="14.1">
      <c r="A139" s="13"/>
      <c r="B139" s="22" t="str">
        <f>IF(Tbl_Dialogue[[#This Row],[Comment ID]]&lt;&gt;"",_xlfn.XLOOKUP(TEXT(Tbl_Dialogue[[#This Row],[Comment ID]],0),Tbl_Comments[Comment ID],Tbl_Comments[Comment],""),"")</f>
        <v/>
      </c>
      <c r="C139" s="9"/>
      <c r="D139" s="5"/>
      <c r="E139" s="6"/>
      <c r="F139" s="2"/>
    </row>
    <row r="140" spans="1:6" ht="14.1">
      <c r="A140" s="13"/>
      <c r="B140" s="22" t="str">
        <f>IF(Tbl_Dialogue[[#This Row],[Comment ID]]&lt;&gt;"",_xlfn.XLOOKUP(TEXT(Tbl_Dialogue[[#This Row],[Comment ID]],0),Tbl_Comments[Comment ID],Tbl_Comments[Comment],""),"")</f>
        <v/>
      </c>
      <c r="C140" s="9"/>
      <c r="D140" s="5"/>
      <c r="E140" s="6"/>
      <c r="F140" s="2"/>
    </row>
    <row r="141" spans="1:6" ht="14.1">
      <c r="A141" s="13"/>
      <c r="B141" s="22" t="str">
        <f>IF(Tbl_Dialogue[[#This Row],[Comment ID]]&lt;&gt;"",_xlfn.XLOOKUP(TEXT(Tbl_Dialogue[[#This Row],[Comment ID]],0),Tbl_Comments[Comment ID],Tbl_Comments[Comment],""),"")</f>
        <v/>
      </c>
      <c r="C141" s="9"/>
      <c r="D141" s="5"/>
      <c r="E141" s="6"/>
      <c r="F141" s="2"/>
    </row>
    <row r="142" spans="1:6" ht="14.1">
      <c r="A142" s="13"/>
      <c r="B142" s="22" t="str">
        <f>IF(Tbl_Dialogue[[#This Row],[Comment ID]]&lt;&gt;"",_xlfn.XLOOKUP(TEXT(Tbl_Dialogue[[#This Row],[Comment ID]],0),Tbl_Comments[Comment ID],Tbl_Comments[Comment],""),"")</f>
        <v/>
      </c>
      <c r="C142" s="9"/>
      <c r="D142" s="5"/>
      <c r="E142" s="6"/>
      <c r="F142" s="2"/>
    </row>
    <row r="143" spans="1:6" ht="14.1">
      <c r="A143" s="13"/>
      <c r="B143" s="22" t="str">
        <f>IF(Tbl_Dialogue[[#This Row],[Comment ID]]&lt;&gt;"",_xlfn.XLOOKUP(TEXT(Tbl_Dialogue[[#This Row],[Comment ID]],0),Tbl_Comments[Comment ID],Tbl_Comments[Comment],""),"")</f>
        <v/>
      </c>
      <c r="C143" s="9"/>
      <c r="D143" s="5"/>
      <c r="E143" s="6"/>
      <c r="F143" s="2"/>
    </row>
    <row r="144" spans="1:6" ht="14.1">
      <c r="A144" s="13"/>
      <c r="B144" s="22" t="str">
        <f>IF(Tbl_Dialogue[[#This Row],[Comment ID]]&lt;&gt;"",_xlfn.XLOOKUP(TEXT(Tbl_Dialogue[[#This Row],[Comment ID]],0),Tbl_Comments[Comment ID],Tbl_Comments[Comment],""),"")</f>
        <v/>
      </c>
      <c r="C144" s="9"/>
      <c r="D144" s="5"/>
      <c r="E144" s="6"/>
      <c r="F144" s="2"/>
    </row>
    <row r="145" spans="1:6" ht="14.1">
      <c r="A145" s="13"/>
      <c r="B145" s="22" t="str">
        <f>IF(Tbl_Dialogue[[#This Row],[Comment ID]]&lt;&gt;"",_xlfn.XLOOKUP(TEXT(Tbl_Dialogue[[#This Row],[Comment ID]],0),Tbl_Comments[Comment ID],Tbl_Comments[Comment],""),"")</f>
        <v/>
      </c>
      <c r="C145" s="9"/>
      <c r="D145" s="5"/>
      <c r="E145" s="6"/>
      <c r="F145" s="2"/>
    </row>
    <row r="146" spans="1:6" ht="14.1">
      <c r="A146" s="13"/>
      <c r="B146" s="22" t="str">
        <f>IF(Tbl_Dialogue[[#This Row],[Comment ID]]&lt;&gt;"",_xlfn.XLOOKUP(TEXT(Tbl_Dialogue[[#This Row],[Comment ID]],0),Tbl_Comments[Comment ID],Tbl_Comments[Comment],""),"")</f>
        <v/>
      </c>
      <c r="C146" s="9"/>
      <c r="D146" s="5"/>
      <c r="E146" s="6"/>
      <c r="F146" s="2"/>
    </row>
    <row r="147" spans="1:6" ht="14.1">
      <c r="A147" s="13"/>
      <c r="B147" s="22" t="str">
        <f>IF(Tbl_Dialogue[[#This Row],[Comment ID]]&lt;&gt;"",_xlfn.XLOOKUP(TEXT(Tbl_Dialogue[[#This Row],[Comment ID]],0),Tbl_Comments[Comment ID],Tbl_Comments[Comment],""),"")</f>
        <v/>
      </c>
      <c r="C147" s="9"/>
      <c r="D147" s="5"/>
      <c r="E147" s="6"/>
      <c r="F147" s="2"/>
    </row>
    <row r="148" spans="1:6" ht="14.1">
      <c r="A148" s="13"/>
      <c r="B148" s="22" t="str">
        <f>IF(Tbl_Dialogue[[#This Row],[Comment ID]]&lt;&gt;"",_xlfn.XLOOKUP(TEXT(Tbl_Dialogue[[#This Row],[Comment ID]],0),Tbl_Comments[Comment ID],Tbl_Comments[Comment],""),"")</f>
        <v/>
      </c>
      <c r="C148" s="9"/>
      <c r="D148" s="5"/>
      <c r="E148" s="6"/>
      <c r="F148" s="2"/>
    </row>
    <row r="149" spans="1:6" ht="14.1">
      <c r="A149" s="13"/>
      <c r="B149" s="22" t="str">
        <f>IF(Tbl_Dialogue[[#This Row],[Comment ID]]&lt;&gt;"",_xlfn.XLOOKUP(TEXT(Tbl_Dialogue[[#This Row],[Comment ID]],0),Tbl_Comments[Comment ID],Tbl_Comments[Comment],""),"")</f>
        <v/>
      </c>
      <c r="C149" s="9"/>
      <c r="D149" s="5"/>
      <c r="E149" s="6"/>
      <c r="F149" s="2"/>
    </row>
    <row r="150" spans="1:6" ht="14.1">
      <c r="A150" s="13"/>
      <c r="B150" s="22" t="str">
        <f>IF(Tbl_Dialogue[[#This Row],[Comment ID]]&lt;&gt;"",_xlfn.XLOOKUP(TEXT(Tbl_Dialogue[[#This Row],[Comment ID]],0),Tbl_Comments[Comment ID],Tbl_Comments[Comment],""),"")</f>
        <v/>
      </c>
      <c r="C150" s="9"/>
      <c r="D150" s="5"/>
      <c r="E150" s="6"/>
      <c r="F150" s="2"/>
    </row>
    <row r="151" spans="1:6" ht="14.1">
      <c r="A151" s="13"/>
      <c r="B151" s="22" t="str">
        <f>IF(Tbl_Dialogue[[#This Row],[Comment ID]]&lt;&gt;"",_xlfn.XLOOKUP(TEXT(Tbl_Dialogue[[#This Row],[Comment ID]],0),Tbl_Comments[Comment ID],Tbl_Comments[Comment],""),"")</f>
        <v/>
      </c>
      <c r="C151" s="9"/>
      <c r="D151" s="5"/>
      <c r="E151" s="6"/>
      <c r="F151" s="2"/>
    </row>
    <row r="152" spans="1:6" ht="14.1">
      <c r="A152" s="13"/>
      <c r="B152" s="22" t="str">
        <f>IF(Tbl_Dialogue[[#This Row],[Comment ID]]&lt;&gt;"",_xlfn.XLOOKUP(TEXT(Tbl_Dialogue[[#This Row],[Comment ID]],0),Tbl_Comments[Comment ID],Tbl_Comments[Comment],""),"")</f>
        <v/>
      </c>
      <c r="C152" s="9"/>
      <c r="D152" s="5"/>
      <c r="E152" s="6"/>
      <c r="F152" s="2"/>
    </row>
    <row r="153" spans="1:6" ht="14.1">
      <c r="A153" s="13"/>
      <c r="B153" s="22" t="str">
        <f>IF(Tbl_Dialogue[[#This Row],[Comment ID]]&lt;&gt;"",_xlfn.XLOOKUP(TEXT(Tbl_Dialogue[[#This Row],[Comment ID]],0),Tbl_Comments[Comment ID],Tbl_Comments[Comment],""),"")</f>
        <v/>
      </c>
      <c r="C153" s="9"/>
      <c r="D153" s="5"/>
      <c r="E153" s="6"/>
      <c r="F153" s="2"/>
    </row>
    <row r="154" spans="1:6" ht="14.1">
      <c r="A154" s="13"/>
      <c r="B154" s="22" t="str">
        <f>IF(Tbl_Dialogue[[#This Row],[Comment ID]]&lt;&gt;"",_xlfn.XLOOKUP(TEXT(Tbl_Dialogue[[#This Row],[Comment ID]],0),Tbl_Comments[Comment ID],Tbl_Comments[Comment],""),"")</f>
        <v/>
      </c>
      <c r="C154" s="9"/>
      <c r="D154" s="5"/>
      <c r="E154" s="6"/>
      <c r="F154" s="2"/>
    </row>
    <row r="155" spans="1:6" ht="14.1">
      <c r="A155" s="13"/>
      <c r="B155" s="22" t="str">
        <f>IF(Tbl_Dialogue[[#This Row],[Comment ID]]&lt;&gt;"",_xlfn.XLOOKUP(TEXT(Tbl_Dialogue[[#This Row],[Comment ID]],0),Tbl_Comments[Comment ID],Tbl_Comments[Comment],""),"")</f>
        <v/>
      </c>
      <c r="C155" s="9"/>
      <c r="D155" s="5"/>
      <c r="E155" s="6"/>
      <c r="F155" s="2"/>
    </row>
    <row r="156" spans="1:6" ht="14.1">
      <c r="A156" s="13"/>
      <c r="B156" s="22" t="str">
        <f>IF(Tbl_Dialogue[[#This Row],[Comment ID]]&lt;&gt;"",_xlfn.XLOOKUP(TEXT(Tbl_Dialogue[[#This Row],[Comment ID]],0),Tbl_Comments[Comment ID],Tbl_Comments[Comment],""),"")</f>
        <v/>
      </c>
      <c r="C156" s="9"/>
      <c r="D156" s="5"/>
      <c r="E156" s="6"/>
      <c r="F156" s="2"/>
    </row>
    <row r="157" spans="1:6" ht="14.1">
      <c r="A157" s="13"/>
      <c r="B157" s="22" t="str">
        <f>IF(Tbl_Dialogue[[#This Row],[Comment ID]]&lt;&gt;"",_xlfn.XLOOKUP(TEXT(Tbl_Dialogue[[#This Row],[Comment ID]],0),Tbl_Comments[Comment ID],Tbl_Comments[Comment],""),"")</f>
        <v/>
      </c>
      <c r="C157" s="9"/>
      <c r="D157" s="5"/>
      <c r="E157" s="6"/>
      <c r="F157" s="2"/>
    </row>
    <row r="158" spans="1:6" ht="14.1">
      <c r="A158" s="13"/>
      <c r="B158" s="22" t="str">
        <f>IF(Tbl_Dialogue[[#This Row],[Comment ID]]&lt;&gt;"",_xlfn.XLOOKUP(TEXT(Tbl_Dialogue[[#This Row],[Comment ID]],0),Tbl_Comments[Comment ID],Tbl_Comments[Comment],""),"")</f>
        <v/>
      </c>
      <c r="C158" s="9"/>
      <c r="D158" s="5"/>
      <c r="E158" s="6"/>
      <c r="F158" s="2"/>
    </row>
    <row r="159" spans="1:6" ht="14.1">
      <c r="A159" s="13"/>
      <c r="B159" s="22" t="str">
        <f>IF(Tbl_Dialogue[[#This Row],[Comment ID]]&lt;&gt;"",_xlfn.XLOOKUP(TEXT(Tbl_Dialogue[[#This Row],[Comment ID]],0),Tbl_Comments[Comment ID],Tbl_Comments[Comment],""),"")</f>
        <v/>
      </c>
      <c r="C159" s="9"/>
      <c r="D159" s="5"/>
      <c r="E159" s="6"/>
      <c r="F159" s="2"/>
    </row>
    <row r="160" spans="1:6" ht="14.1">
      <c r="A160" s="13"/>
      <c r="B160" s="22" t="str">
        <f>IF(Tbl_Dialogue[[#This Row],[Comment ID]]&lt;&gt;"",_xlfn.XLOOKUP(TEXT(Tbl_Dialogue[[#This Row],[Comment ID]],0),Tbl_Comments[Comment ID],Tbl_Comments[Comment],""),"")</f>
        <v/>
      </c>
      <c r="C160" s="9"/>
      <c r="D160" s="5"/>
      <c r="E160" s="6"/>
      <c r="F160" s="2"/>
    </row>
    <row r="161" spans="1:6" ht="14.1">
      <c r="A161" s="13"/>
      <c r="B161" s="22" t="str">
        <f>IF(Tbl_Dialogue[[#This Row],[Comment ID]]&lt;&gt;"",_xlfn.XLOOKUP(TEXT(Tbl_Dialogue[[#This Row],[Comment ID]],0),Tbl_Comments[Comment ID],Tbl_Comments[Comment],""),"")</f>
        <v/>
      </c>
      <c r="C161" s="9"/>
      <c r="D161" s="5"/>
      <c r="E161" s="6"/>
      <c r="F161" s="2"/>
    </row>
    <row r="162" spans="1:6" ht="14.1">
      <c r="A162" s="13"/>
      <c r="B162" s="22" t="str">
        <f>IF(Tbl_Dialogue[[#This Row],[Comment ID]]&lt;&gt;"",_xlfn.XLOOKUP(TEXT(Tbl_Dialogue[[#This Row],[Comment ID]],0),Tbl_Comments[Comment ID],Tbl_Comments[Comment],""),"")</f>
        <v/>
      </c>
      <c r="C162" s="9"/>
      <c r="D162" s="5"/>
      <c r="E162" s="6"/>
      <c r="F162" s="2"/>
    </row>
    <row r="163" spans="1:6" ht="14.1">
      <c r="A163" s="13"/>
      <c r="B163" s="22" t="str">
        <f>IF(Tbl_Dialogue[[#This Row],[Comment ID]]&lt;&gt;"",_xlfn.XLOOKUP(TEXT(Tbl_Dialogue[[#This Row],[Comment ID]],0),Tbl_Comments[Comment ID],Tbl_Comments[Comment],""),"")</f>
        <v/>
      </c>
      <c r="C163" s="9"/>
      <c r="D163" s="5"/>
      <c r="E163" s="6"/>
      <c r="F163" s="2"/>
    </row>
    <row r="164" spans="1:6" ht="14.1">
      <c r="A164" s="13"/>
      <c r="B164" s="22" t="str">
        <f>IF(Tbl_Dialogue[[#This Row],[Comment ID]]&lt;&gt;"",_xlfn.XLOOKUP(TEXT(Tbl_Dialogue[[#This Row],[Comment ID]],0),Tbl_Comments[Comment ID],Tbl_Comments[Comment],""),"")</f>
        <v/>
      </c>
      <c r="C164" s="9"/>
      <c r="D164" s="5"/>
      <c r="E164" s="6"/>
      <c r="F164" s="2"/>
    </row>
    <row r="165" spans="1:6" ht="14.1">
      <c r="A165" s="13"/>
      <c r="B165" s="22" t="str">
        <f>IF(Tbl_Dialogue[[#This Row],[Comment ID]]&lt;&gt;"",_xlfn.XLOOKUP(TEXT(Tbl_Dialogue[[#This Row],[Comment ID]],0),Tbl_Comments[Comment ID],Tbl_Comments[Comment],""),"")</f>
        <v/>
      </c>
      <c r="C165" s="9"/>
      <c r="D165" s="5"/>
      <c r="E165" s="6"/>
      <c r="F165" s="2"/>
    </row>
    <row r="166" spans="1:6" ht="14.1">
      <c r="A166" s="13"/>
      <c r="B166" s="22" t="str">
        <f>IF(Tbl_Dialogue[[#This Row],[Comment ID]]&lt;&gt;"",_xlfn.XLOOKUP(TEXT(Tbl_Dialogue[[#This Row],[Comment ID]],0),Tbl_Comments[Comment ID],Tbl_Comments[Comment],""),"")</f>
        <v/>
      </c>
      <c r="C166" s="9"/>
      <c r="D166" s="5"/>
      <c r="E166" s="6"/>
      <c r="F166" s="2"/>
    </row>
    <row r="167" spans="1:6" ht="14.1">
      <c r="A167" s="13"/>
      <c r="B167" s="22" t="str">
        <f>IF(Tbl_Dialogue[[#This Row],[Comment ID]]&lt;&gt;"",_xlfn.XLOOKUP(TEXT(Tbl_Dialogue[[#This Row],[Comment ID]],0),Tbl_Comments[Comment ID],Tbl_Comments[Comment],""),"")</f>
        <v/>
      </c>
      <c r="C167" s="9"/>
      <c r="D167" s="5"/>
      <c r="E167" s="6"/>
      <c r="F167" s="2"/>
    </row>
    <row r="168" spans="1:6" ht="14.1">
      <c r="A168" s="13"/>
      <c r="B168" s="22" t="str">
        <f>IF(Tbl_Dialogue[[#This Row],[Comment ID]]&lt;&gt;"",_xlfn.XLOOKUP(TEXT(Tbl_Dialogue[[#This Row],[Comment ID]],0),Tbl_Comments[Comment ID],Tbl_Comments[Comment],""),"")</f>
        <v/>
      </c>
      <c r="C168" s="9"/>
      <c r="D168" s="5"/>
      <c r="E168" s="6"/>
      <c r="F168" s="2"/>
    </row>
    <row r="169" spans="1:6" ht="14.1">
      <c r="A169" s="13"/>
      <c r="B169" s="22" t="str">
        <f>IF(Tbl_Dialogue[[#This Row],[Comment ID]]&lt;&gt;"",_xlfn.XLOOKUP(TEXT(Tbl_Dialogue[[#This Row],[Comment ID]],0),Tbl_Comments[Comment ID],Tbl_Comments[Comment],""),"")</f>
        <v/>
      </c>
      <c r="C169" s="9"/>
      <c r="D169" s="5"/>
      <c r="E169" s="6"/>
      <c r="F169" s="2"/>
    </row>
    <row r="170" spans="1:6" ht="14.1">
      <c r="A170" s="13"/>
      <c r="B170" s="22" t="str">
        <f>IF(Tbl_Dialogue[[#This Row],[Comment ID]]&lt;&gt;"",_xlfn.XLOOKUP(TEXT(Tbl_Dialogue[[#This Row],[Comment ID]],0),Tbl_Comments[Comment ID],Tbl_Comments[Comment],""),"")</f>
        <v/>
      </c>
      <c r="C170" s="9"/>
      <c r="D170" s="5"/>
      <c r="E170" s="6"/>
      <c r="F170" s="2"/>
    </row>
    <row r="171" spans="1:6" ht="14.1">
      <c r="A171" s="13"/>
      <c r="B171" s="22" t="str">
        <f>IF(Tbl_Dialogue[[#This Row],[Comment ID]]&lt;&gt;"",_xlfn.XLOOKUP(TEXT(Tbl_Dialogue[[#This Row],[Comment ID]],0),Tbl_Comments[Comment ID],Tbl_Comments[Comment],""),"")</f>
        <v/>
      </c>
      <c r="C171" s="9"/>
      <c r="D171" s="5"/>
      <c r="E171" s="6"/>
      <c r="F171" s="2"/>
    </row>
    <row r="172" spans="1:6" ht="14.1">
      <c r="A172" s="13"/>
      <c r="B172" s="22" t="str">
        <f>IF(Tbl_Dialogue[[#This Row],[Comment ID]]&lt;&gt;"",_xlfn.XLOOKUP(TEXT(Tbl_Dialogue[[#This Row],[Comment ID]],0),Tbl_Comments[Comment ID],Tbl_Comments[Comment],""),"")</f>
        <v/>
      </c>
      <c r="C172" s="9"/>
      <c r="D172" s="5"/>
      <c r="E172" s="6"/>
      <c r="F172" s="2"/>
    </row>
    <row r="173" spans="1:6" ht="14.1">
      <c r="A173" s="13"/>
      <c r="B173" s="22" t="str">
        <f>IF(Tbl_Dialogue[[#This Row],[Comment ID]]&lt;&gt;"",_xlfn.XLOOKUP(TEXT(Tbl_Dialogue[[#This Row],[Comment ID]],0),Tbl_Comments[Comment ID],Tbl_Comments[Comment],""),"")</f>
        <v/>
      </c>
      <c r="C173" s="9"/>
      <c r="D173" s="5"/>
      <c r="E173" s="6"/>
      <c r="F173" s="2"/>
    </row>
    <row r="174" spans="1:6" ht="14.1">
      <c r="A174" s="13"/>
      <c r="B174" s="22" t="str">
        <f>IF(Tbl_Dialogue[[#This Row],[Comment ID]]&lt;&gt;"",_xlfn.XLOOKUP(TEXT(Tbl_Dialogue[[#This Row],[Comment ID]],0),Tbl_Comments[Comment ID],Tbl_Comments[Comment],""),"")</f>
        <v/>
      </c>
      <c r="C174" s="9"/>
      <c r="D174" s="5"/>
      <c r="E174" s="6"/>
      <c r="F174" s="2"/>
    </row>
    <row r="175" spans="1:6" ht="14.1">
      <c r="A175" s="13"/>
      <c r="B175" s="22" t="str">
        <f>IF(Tbl_Dialogue[[#This Row],[Comment ID]]&lt;&gt;"",_xlfn.XLOOKUP(TEXT(Tbl_Dialogue[[#This Row],[Comment ID]],0),Tbl_Comments[Comment ID],Tbl_Comments[Comment],""),"")</f>
        <v/>
      </c>
      <c r="C175" s="9"/>
      <c r="D175" s="5"/>
      <c r="E175" s="6"/>
      <c r="F175" s="2"/>
    </row>
    <row r="176" spans="1:6" ht="14.1">
      <c r="A176" s="13"/>
      <c r="B176" s="22" t="str">
        <f>IF(Tbl_Dialogue[[#This Row],[Comment ID]]&lt;&gt;"",_xlfn.XLOOKUP(TEXT(Tbl_Dialogue[[#This Row],[Comment ID]],0),Tbl_Comments[Comment ID],Tbl_Comments[Comment],""),"")</f>
        <v/>
      </c>
      <c r="C176" s="9"/>
      <c r="D176" s="5"/>
      <c r="E176" s="6"/>
      <c r="F176" s="2"/>
    </row>
    <row r="177" spans="1:6" ht="14.1">
      <c r="A177" s="13"/>
      <c r="B177" s="22" t="str">
        <f>IF(Tbl_Dialogue[[#This Row],[Comment ID]]&lt;&gt;"",_xlfn.XLOOKUP(TEXT(Tbl_Dialogue[[#This Row],[Comment ID]],0),Tbl_Comments[Comment ID],Tbl_Comments[Comment],""),"")</f>
        <v/>
      </c>
      <c r="C177" s="9"/>
      <c r="D177" s="5"/>
      <c r="E177" s="6"/>
      <c r="F177" s="2"/>
    </row>
    <row r="178" spans="1:6" ht="14.1">
      <c r="A178" s="13"/>
      <c r="B178" s="22" t="str">
        <f>IF(Tbl_Dialogue[[#This Row],[Comment ID]]&lt;&gt;"",_xlfn.XLOOKUP(TEXT(Tbl_Dialogue[[#This Row],[Comment ID]],0),Tbl_Comments[Comment ID],Tbl_Comments[Comment],""),"")</f>
        <v/>
      </c>
      <c r="C178" s="9"/>
      <c r="D178" s="5"/>
      <c r="E178" s="6"/>
      <c r="F178" s="2"/>
    </row>
    <row r="179" spans="1:6" ht="14.1">
      <c r="A179" s="13"/>
      <c r="B179" s="22" t="str">
        <f>IF(Tbl_Dialogue[[#This Row],[Comment ID]]&lt;&gt;"",_xlfn.XLOOKUP(TEXT(Tbl_Dialogue[[#This Row],[Comment ID]],0),Tbl_Comments[Comment ID],Tbl_Comments[Comment],""),"")</f>
        <v/>
      </c>
      <c r="C179" s="9"/>
      <c r="D179" s="5"/>
      <c r="E179" s="6"/>
      <c r="F179" s="2"/>
    </row>
    <row r="180" spans="1:6" ht="14.1">
      <c r="A180" s="13"/>
      <c r="B180" s="22" t="str">
        <f>IF(Tbl_Dialogue[[#This Row],[Comment ID]]&lt;&gt;"",_xlfn.XLOOKUP(TEXT(Tbl_Dialogue[[#This Row],[Comment ID]],0),Tbl_Comments[Comment ID],Tbl_Comments[Comment],""),"")</f>
        <v/>
      </c>
      <c r="C180" s="9"/>
      <c r="D180" s="5"/>
      <c r="E180" s="6"/>
      <c r="F180" s="2"/>
    </row>
    <row r="181" spans="1:6" ht="14.1">
      <c r="A181" s="13"/>
      <c r="B181" s="22" t="str">
        <f>IF(Tbl_Dialogue[[#This Row],[Comment ID]]&lt;&gt;"",_xlfn.XLOOKUP(TEXT(Tbl_Dialogue[[#This Row],[Comment ID]],0),Tbl_Comments[Comment ID],Tbl_Comments[Comment],""),"")</f>
        <v/>
      </c>
      <c r="C181" s="9"/>
      <c r="D181" s="5"/>
      <c r="E181" s="6"/>
      <c r="F181" s="2"/>
    </row>
    <row r="182" spans="1:6" ht="14.1">
      <c r="A182" s="13"/>
      <c r="B182" s="22" t="str">
        <f>IF(Tbl_Dialogue[[#This Row],[Comment ID]]&lt;&gt;"",_xlfn.XLOOKUP(TEXT(Tbl_Dialogue[[#This Row],[Comment ID]],0),Tbl_Comments[Comment ID],Tbl_Comments[Comment],""),"")</f>
        <v/>
      </c>
      <c r="C182" s="9"/>
      <c r="D182" s="5"/>
      <c r="E182" s="6"/>
      <c r="F182" s="2"/>
    </row>
    <row r="183" spans="1:6" ht="14.1">
      <c r="A183" s="13"/>
      <c r="B183" s="22" t="str">
        <f>IF(Tbl_Dialogue[[#This Row],[Comment ID]]&lt;&gt;"",_xlfn.XLOOKUP(TEXT(Tbl_Dialogue[[#This Row],[Comment ID]],0),Tbl_Comments[Comment ID],Tbl_Comments[Comment],""),"")</f>
        <v/>
      </c>
      <c r="C183" s="9"/>
      <c r="D183" s="5"/>
      <c r="E183" s="6"/>
      <c r="F183" s="2"/>
    </row>
    <row r="184" spans="1:6" ht="14.1">
      <c r="A184" s="13"/>
      <c r="B184" s="22" t="str">
        <f>IF(Tbl_Dialogue[[#This Row],[Comment ID]]&lt;&gt;"",_xlfn.XLOOKUP(TEXT(Tbl_Dialogue[[#This Row],[Comment ID]],0),Tbl_Comments[Comment ID],Tbl_Comments[Comment],""),"")</f>
        <v/>
      </c>
      <c r="C184" s="9"/>
      <c r="D184" s="5"/>
      <c r="E184" s="6"/>
      <c r="F184" s="2"/>
    </row>
    <row r="185" spans="1:6" ht="14.1">
      <c r="A185" s="13"/>
      <c r="B185" s="22" t="str">
        <f>IF(Tbl_Dialogue[[#This Row],[Comment ID]]&lt;&gt;"",_xlfn.XLOOKUP(TEXT(Tbl_Dialogue[[#This Row],[Comment ID]],0),Tbl_Comments[Comment ID],Tbl_Comments[Comment],""),"")</f>
        <v/>
      </c>
      <c r="C185" s="9"/>
      <c r="D185" s="5"/>
      <c r="E185" s="6"/>
      <c r="F185" s="2"/>
    </row>
    <row r="186" spans="1:6" ht="14.1">
      <c r="A186" s="13"/>
      <c r="B186" s="22" t="str">
        <f>IF(Tbl_Dialogue[[#This Row],[Comment ID]]&lt;&gt;"",_xlfn.XLOOKUP(TEXT(Tbl_Dialogue[[#This Row],[Comment ID]],0),Tbl_Comments[Comment ID],Tbl_Comments[Comment],""),"")</f>
        <v/>
      </c>
      <c r="C186" s="9"/>
      <c r="D186" s="5"/>
      <c r="E186" s="6"/>
      <c r="F186" s="2"/>
    </row>
    <row r="187" spans="1:6" ht="14.1">
      <c r="A187" s="13"/>
      <c r="B187" s="22" t="str">
        <f>IF(Tbl_Dialogue[[#This Row],[Comment ID]]&lt;&gt;"",_xlfn.XLOOKUP(TEXT(Tbl_Dialogue[[#This Row],[Comment ID]],0),Tbl_Comments[Comment ID],Tbl_Comments[Comment],""),"")</f>
        <v/>
      </c>
      <c r="C187" s="9"/>
      <c r="D187" s="5"/>
      <c r="E187" s="6"/>
      <c r="F187" s="2"/>
    </row>
    <row r="188" spans="1:6" ht="14.1">
      <c r="A188" s="13"/>
      <c r="B188" s="22" t="str">
        <f>IF(Tbl_Dialogue[[#This Row],[Comment ID]]&lt;&gt;"",_xlfn.XLOOKUP(TEXT(Tbl_Dialogue[[#This Row],[Comment ID]],0),Tbl_Comments[Comment ID],Tbl_Comments[Comment],""),"")</f>
        <v/>
      </c>
      <c r="C188" s="9"/>
      <c r="D188" s="5"/>
      <c r="E188" s="6"/>
      <c r="F188" s="2"/>
    </row>
    <row r="189" spans="1:6" ht="14.1">
      <c r="A189" s="13"/>
      <c r="B189" s="22" t="str">
        <f>IF(Tbl_Dialogue[[#This Row],[Comment ID]]&lt;&gt;"",_xlfn.XLOOKUP(TEXT(Tbl_Dialogue[[#This Row],[Comment ID]],0),Tbl_Comments[Comment ID],Tbl_Comments[Comment],""),"")</f>
        <v/>
      </c>
      <c r="C189" s="9"/>
      <c r="D189" s="5"/>
      <c r="E189" s="6"/>
      <c r="F189" s="2"/>
    </row>
    <row r="190" spans="1:6" ht="14.1">
      <c r="A190" s="13"/>
      <c r="B190" s="22" t="str">
        <f>IF(Tbl_Dialogue[[#This Row],[Comment ID]]&lt;&gt;"",_xlfn.XLOOKUP(TEXT(Tbl_Dialogue[[#This Row],[Comment ID]],0),Tbl_Comments[Comment ID],Tbl_Comments[Comment],""),"")</f>
        <v/>
      </c>
      <c r="C190" s="9"/>
      <c r="D190" s="5"/>
      <c r="E190" s="6"/>
      <c r="F190" s="2"/>
    </row>
    <row r="191" spans="1:6" ht="14.1">
      <c r="A191" s="13"/>
      <c r="B191" s="22" t="str">
        <f>IF(Tbl_Dialogue[[#This Row],[Comment ID]]&lt;&gt;"",_xlfn.XLOOKUP(TEXT(Tbl_Dialogue[[#This Row],[Comment ID]],0),Tbl_Comments[Comment ID],Tbl_Comments[Comment],""),"")</f>
        <v/>
      </c>
      <c r="C191" s="9"/>
      <c r="D191" s="5"/>
      <c r="E191" s="6"/>
      <c r="F191" s="2"/>
    </row>
    <row r="192" spans="1:6" ht="14.1">
      <c r="A192" s="13"/>
      <c r="B192" s="22" t="str">
        <f>IF(Tbl_Dialogue[[#This Row],[Comment ID]]&lt;&gt;"",_xlfn.XLOOKUP(TEXT(Tbl_Dialogue[[#This Row],[Comment ID]],0),Tbl_Comments[Comment ID],Tbl_Comments[Comment],""),"")</f>
        <v/>
      </c>
      <c r="C192" s="9"/>
      <c r="D192" s="5"/>
      <c r="E192" s="6"/>
      <c r="F192" s="2"/>
    </row>
    <row r="193" spans="1:6" ht="14.1">
      <c r="A193" s="13"/>
      <c r="B193" s="22" t="str">
        <f>IF(Tbl_Dialogue[[#This Row],[Comment ID]]&lt;&gt;"",_xlfn.XLOOKUP(TEXT(Tbl_Dialogue[[#This Row],[Comment ID]],0),Tbl_Comments[Comment ID],Tbl_Comments[Comment],""),"")</f>
        <v/>
      </c>
      <c r="C193" s="9"/>
      <c r="D193" s="5"/>
      <c r="E193" s="6"/>
      <c r="F193" s="2"/>
    </row>
    <row r="194" spans="1:6" ht="14.1">
      <c r="A194" s="13"/>
      <c r="B194" s="22" t="str">
        <f>IF(Tbl_Dialogue[[#This Row],[Comment ID]]&lt;&gt;"",_xlfn.XLOOKUP(TEXT(Tbl_Dialogue[[#This Row],[Comment ID]],0),Tbl_Comments[Comment ID],Tbl_Comments[Comment],""),"")</f>
        <v/>
      </c>
      <c r="C194" s="9"/>
      <c r="D194" s="5"/>
      <c r="E194" s="6"/>
      <c r="F194" s="2"/>
    </row>
    <row r="195" spans="1:6" ht="14.1">
      <c r="A195" s="13"/>
      <c r="B195" s="22" t="str">
        <f>IF(Tbl_Dialogue[[#This Row],[Comment ID]]&lt;&gt;"",_xlfn.XLOOKUP(TEXT(Tbl_Dialogue[[#This Row],[Comment ID]],0),Tbl_Comments[Comment ID],Tbl_Comments[Comment],""),"")</f>
        <v/>
      </c>
      <c r="C195" s="9"/>
      <c r="D195" s="5"/>
      <c r="E195" s="6"/>
      <c r="F195" s="2"/>
    </row>
    <row r="196" spans="1:6" ht="14.1">
      <c r="A196" s="13"/>
      <c r="B196" s="22" t="str">
        <f>IF(Tbl_Dialogue[[#This Row],[Comment ID]]&lt;&gt;"",_xlfn.XLOOKUP(TEXT(Tbl_Dialogue[[#This Row],[Comment ID]],0),Tbl_Comments[Comment ID],Tbl_Comments[Comment],""),"")</f>
        <v/>
      </c>
      <c r="C196" s="9"/>
      <c r="D196" s="5"/>
      <c r="E196" s="6"/>
      <c r="F196" s="2"/>
    </row>
    <row r="197" spans="1:6" ht="14.1">
      <c r="A197" s="13"/>
      <c r="B197" s="22" t="str">
        <f>IF(Tbl_Dialogue[[#This Row],[Comment ID]]&lt;&gt;"",_xlfn.XLOOKUP(TEXT(Tbl_Dialogue[[#This Row],[Comment ID]],0),Tbl_Comments[Comment ID],Tbl_Comments[Comment],""),"")</f>
        <v/>
      </c>
      <c r="C197" s="9"/>
      <c r="D197" s="5"/>
      <c r="E197" s="6"/>
      <c r="F197" s="2"/>
    </row>
    <row r="198" spans="1:6" ht="14.1">
      <c r="A198" s="13"/>
      <c r="B198" s="22" t="str">
        <f>IF(Tbl_Dialogue[[#This Row],[Comment ID]]&lt;&gt;"",_xlfn.XLOOKUP(TEXT(Tbl_Dialogue[[#This Row],[Comment ID]],0),Tbl_Comments[Comment ID],Tbl_Comments[Comment],""),"")</f>
        <v/>
      </c>
      <c r="C198" s="9"/>
      <c r="D198" s="5"/>
      <c r="E198" s="6"/>
      <c r="F198" s="2"/>
    </row>
    <row r="199" spans="1:6" ht="14.1">
      <c r="A199" s="13"/>
      <c r="B199" s="22" t="str">
        <f>IF(Tbl_Dialogue[[#This Row],[Comment ID]]&lt;&gt;"",_xlfn.XLOOKUP(TEXT(Tbl_Dialogue[[#This Row],[Comment ID]],0),Tbl_Comments[Comment ID],Tbl_Comments[Comment],""),"")</f>
        <v/>
      </c>
      <c r="C199" s="9"/>
      <c r="D199" s="5"/>
      <c r="E199" s="6"/>
      <c r="F199" s="2"/>
    </row>
    <row r="200" spans="1:6" ht="14.1">
      <c r="A200" s="13"/>
      <c r="B200" s="22" t="str">
        <f>IF(Tbl_Dialogue[[#This Row],[Comment ID]]&lt;&gt;"",_xlfn.XLOOKUP(TEXT(Tbl_Dialogue[[#This Row],[Comment ID]],0),Tbl_Comments[Comment ID],Tbl_Comments[Comment],""),"")</f>
        <v/>
      </c>
      <c r="C200" s="9"/>
      <c r="D200" s="5"/>
      <c r="E200" s="6"/>
      <c r="F200" s="2"/>
    </row>
    <row r="201" spans="1:6" ht="14.1">
      <c r="A201" s="13"/>
      <c r="B201" s="22" t="str">
        <f>IF(Tbl_Dialogue[[#This Row],[Comment ID]]&lt;&gt;"",_xlfn.XLOOKUP(TEXT(Tbl_Dialogue[[#This Row],[Comment ID]],0),Tbl_Comments[Comment ID],Tbl_Comments[Comment],""),"")</f>
        <v/>
      </c>
      <c r="C201" s="9"/>
      <c r="D201" s="5"/>
      <c r="E201" s="6"/>
      <c r="F201" s="2"/>
    </row>
    <row r="202" spans="1:6" ht="14.1">
      <c r="A202" s="13"/>
      <c r="B202" s="22" t="str">
        <f>IF(Tbl_Dialogue[[#This Row],[Comment ID]]&lt;&gt;"",_xlfn.XLOOKUP(TEXT(Tbl_Dialogue[[#This Row],[Comment ID]],0),Tbl_Comments[Comment ID],Tbl_Comments[Comment],""),"")</f>
        <v/>
      </c>
      <c r="C202" s="9"/>
      <c r="D202" s="5"/>
      <c r="E202" s="6"/>
      <c r="F202" s="2"/>
    </row>
    <row r="203" spans="1:6" ht="14.1">
      <c r="A203" s="13"/>
      <c r="B203" s="22" t="str">
        <f>IF(Tbl_Dialogue[[#This Row],[Comment ID]]&lt;&gt;"",_xlfn.XLOOKUP(TEXT(Tbl_Dialogue[[#This Row],[Comment ID]],0),Tbl_Comments[Comment ID],Tbl_Comments[Comment],""),"")</f>
        <v/>
      </c>
      <c r="C203" s="9"/>
      <c r="D203" s="5"/>
      <c r="E203" s="6"/>
      <c r="F203" s="2"/>
    </row>
    <row r="204" spans="1:6" ht="14.1">
      <c r="A204" s="13"/>
      <c r="B204" s="22" t="str">
        <f>IF(Tbl_Dialogue[[#This Row],[Comment ID]]&lt;&gt;"",_xlfn.XLOOKUP(TEXT(Tbl_Dialogue[[#This Row],[Comment ID]],0),Tbl_Comments[Comment ID],Tbl_Comments[Comment],""),"")</f>
        <v/>
      </c>
      <c r="C204" s="9"/>
      <c r="D204" s="5"/>
      <c r="E204" s="6"/>
      <c r="F204" s="2"/>
    </row>
    <row r="205" spans="1:6" ht="14.1">
      <c r="A205" s="13"/>
      <c r="B205" s="22" t="str">
        <f>IF(Tbl_Dialogue[[#This Row],[Comment ID]]&lt;&gt;"",_xlfn.XLOOKUP(TEXT(Tbl_Dialogue[[#This Row],[Comment ID]],0),Tbl_Comments[Comment ID],Tbl_Comments[Comment],""),"")</f>
        <v/>
      </c>
      <c r="C205" s="9"/>
      <c r="D205" s="5"/>
      <c r="E205" s="6"/>
      <c r="F205" s="2"/>
    </row>
    <row r="206" spans="1:6" ht="14.1">
      <c r="A206" s="13"/>
      <c r="B206" s="22" t="str">
        <f>IF(Tbl_Dialogue[[#This Row],[Comment ID]]&lt;&gt;"",_xlfn.XLOOKUP(TEXT(Tbl_Dialogue[[#This Row],[Comment ID]],0),Tbl_Comments[Comment ID],Tbl_Comments[Comment],""),"")</f>
        <v/>
      </c>
      <c r="C206" s="9"/>
      <c r="D206" s="5"/>
      <c r="E206" s="6"/>
      <c r="F206" s="2"/>
    </row>
    <row r="207" spans="1:6" ht="14.1">
      <c r="A207" s="13"/>
      <c r="B207" s="22" t="str">
        <f>IF(Tbl_Dialogue[[#This Row],[Comment ID]]&lt;&gt;"",_xlfn.XLOOKUP(TEXT(Tbl_Dialogue[[#This Row],[Comment ID]],0),Tbl_Comments[Comment ID],Tbl_Comments[Comment],""),"")</f>
        <v/>
      </c>
      <c r="C207" s="9"/>
      <c r="D207" s="5"/>
      <c r="E207" s="6"/>
      <c r="F207" s="2"/>
    </row>
    <row r="208" spans="1:6" ht="14.1">
      <c r="A208" s="13"/>
      <c r="B208" s="22" t="str">
        <f>IF(Tbl_Dialogue[[#This Row],[Comment ID]]&lt;&gt;"",_xlfn.XLOOKUP(TEXT(Tbl_Dialogue[[#This Row],[Comment ID]],0),Tbl_Comments[Comment ID],Tbl_Comments[Comment],""),"")</f>
        <v/>
      </c>
      <c r="C208" s="9"/>
      <c r="D208" s="5"/>
      <c r="E208" s="6"/>
      <c r="F208" s="2"/>
    </row>
    <row r="209" spans="1:6" ht="14.1">
      <c r="A209" s="13"/>
      <c r="B209" s="22" t="str">
        <f>IF(Tbl_Dialogue[[#This Row],[Comment ID]]&lt;&gt;"",_xlfn.XLOOKUP(TEXT(Tbl_Dialogue[[#This Row],[Comment ID]],0),Tbl_Comments[Comment ID],Tbl_Comments[Comment],""),"")</f>
        <v/>
      </c>
      <c r="C209" s="9"/>
      <c r="D209" s="5"/>
      <c r="E209" s="6"/>
      <c r="F209" s="2"/>
    </row>
    <row r="210" spans="1:6" ht="14.1">
      <c r="A210" s="13"/>
      <c r="B210" s="22" t="str">
        <f>IF(Tbl_Dialogue[[#This Row],[Comment ID]]&lt;&gt;"",_xlfn.XLOOKUP(TEXT(Tbl_Dialogue[[#This Row],[Comment ID]],0),Tbl_Comments[Comment ID],Tbl_Comments[Comment],""),"")</f>
        <v/>
      </c>
      <c r="C210" s="9"/>
      <c r="D210" s="5"/>
      <c r="E210" s="6"/>
      <c r="F210" s="2"/>
    </row>
    <row r="211" spans="1:6" ht="14.1">
      <c r="A211" s="13"/>
      <c r="B211" s="22" t="str">
        <f>IF(Tbl_Dialogue[[#This Row],[Comment ID]]&lt;&gt;"",_xlfn.XLOOKUP(TEXT(Tbl_Dialogue[[#This Row],[Comment ID]],0),Tbl_Comments[Comment ID],Tbl_Comments[Comment],""),"")</f>
        <v/>
      </c>
      <c r="C211" s="9"/>
      <c r="D211" s="5"/>
      <c r="E211" s="6"/>
      <c r="F211" s="2"/>
    </row>
    <row r="212" spans="1:6" ht="14.1">
      <c r="A212" s="13"/>
      <c r="B212" s="22" t="str">
        <f>IF(Tbl_Dialogue[[#This Row],[Comment ID]]&lt;&gt;"",_xlfn.XLOOKUP(TEXT(Tbl_Dialogue[[#This Row],[Comment ID]],0),Tbl_Comments[Comment ID],Tbl_Comments[Comment],""),"")</f>
        <v/>
      </c>
      <c r="C212" s="9"/>
      <c r="D212" s="5"/>
      <c r="E212" s="6"/>
      <c r="F212" s="2"/>
    </row>
    <row r="213" spans="1:6" ht="14.1">
      <c r="A213" s="13"/>
      <c r="B213" s="22" t="str">
        <f>IF(Tbl_Dialogue[[#This Row],[Comment ID]]&lt;&gt;"",_xlfn.XLOOKUP(TEXT(Tbl_Dialogue[[#This Row],[Comment ID]],0),Tbl_Comments[Comment ID],Tbl_Comments[Comment],""),"")</f>
        <v/>
      </c>
      <c r="C213" s="9"/>
      <c r="D213" s="5"/>
      <c r="E213" s="6"/>
      <c r="F213" s="2"/>
    </row>
    <row r="214" spans="1:6" ht="14.1">
      <c r="A214" s="13"/>
      <c r="B214" s="22" t="str">
        <f>IF(Tbl_Dialogue[[#This Row],[Comment ID]]&lt;&gt;"",_xlfn.XLOOKUP(TEXT(Tbl_Dialogue[[#This Row],[Comment ID]],0),Tbl_Comments[Comment ID],Tbl_Comments[Comment],""),"")</f>
        <v/>
      </c>
      <c r="C214" s="9"/>
      <c r="D214" s="5"/>
      <c r="E214" s="6"/>
      <c r="F214" s="2"/>
    </row>
    <row r="215" spans="1:6" ht="14.1">
      <c r="A215" s="13"/>
      <c r="B215" s="22" t="str">
        <f>IF(Tbl_Dialogue[[#This Row],[Comment ID]]&lt;&gt;"",_xlfn.XLOOKUP(TEXT(Tbl_Dialogue[[#This Row],[Comment ID]],0),Tbl_Comments[Comment ID],Tbl_Comments[Comment],""),"")</f>
        <v/>
      </c>
      <c r="C215" s="9"/>
      <c r="D215" s="5"/>
      <c r="E215" s="6"/>
      <c r="F215" s="2"/>
    </row>
    <row r="216" spans="1:6" ht="14.1">
      <c r="A216" s="13"/>
      <c r="B216" s="22" t="str">
        <f>IF(Tbl_Dialogue[[#This Row],[Comment ID]]&lt;&gt;"",_xlfn.XLOOKUP(TEXT(Tbl_Dialogue[[#This Row],[Comment ID]],0),Tbl_Comments[Comment ID],Tbl_Comments[Comment],""),"")</f>
        <v/>
      </c>
      <c r="C216" s="9"/>
      <c r="D216" s="5"/>
      <c r="E216" s="6"/>
      <c r="F216" s="2"/>
    </row>
    <row r="217" spans="1:6" ht="14.1">
      <c r="A217" s="13"/>
      <c r="B217" s="22" t="str">
        <f>IF(Tbl_Dialogue[[#This Row],[Comment ID]]&lt;&gt;"",_xlfn.XLOOKUP(TEXT(Tbl_Dialogue[[#This Row],[Comment ID]],0),Tbl_Comments[Comment ID],Tbl_Comments[Comment],""),"")</f>
        <v/>
      </c>
      <c r="C217" s="9"/>
      <c r="D217" s="5"/>
      <c r="E217" s="6"/>
      <c r="F217" s="2"/>
    </row>
    <row r="218" spans="1:6" ht="14.1">
      <c r="A218" s="13"/>
      <c r="B218" s="22" t="str">
        <f>IF(Tbl_Dialogue[[#This Row],[Comment ID]]&lt;&gt;"",_xlfn.XLOOKUP(TEXT(Tbl_Dialogue[[#This Row],[Comment ID]],0),Tbl_Comments[Comment ID],Tbl_Comments[Comment],""),"")</f>
        <v/>
      </c>
      <c r="C218" s="9"/>
      <c r="D218" s="5"/>
      <c r="E218" s="6"/>
      <c r="F218" s="2"/>
    </row>
    <row r="219" spans="1:6" ht="14.1">
      <c r="A219" s="13"/>
      <c r="B219" s="22" t="str">
        <f>IF(Tbl_Dialogue[[#This Row],[Comment ID]]&lt;&gt;"",_xlfn.XLOOKUP(TEXT(Tbl_Dialogue[[#This Row],[Comment ID]],0),Tbl_Comments[Comment ID],Tbl_Comments[Comment],""),"")</f>
        <v/>
      </c>
      <c r="C219" s="9"/>
      <c r="D219" s="5"/>
      <c r="E219" s="6"/>
      <c r="F219" s="2"/>
    </row>
    <row r="220" spans="1:6" ht="14.1">
      <c r="A220" s="13"/>
      <c r="B220" s="22" t="str">
        <f>IF(Tbl_Dialogue[[#This Row],[Comment ID]]&lt;&gt;"",_xlfn.XLOOKUP(TEXT(Tbl_Dialogue[[#This Row],[Comment ID]],0),Tbl_Comments[Comment ID],Tbl_Comments[Comment],""),"")</f>
        <v/>
      </c>
      <c r="C220" s="9"/>
      <c r="D220" s="5"/>
      <c r="E220" s="6"/>
      <c r="F220" s="2"/>
    </row>
    <row r="221" spans="1:6" ht="14.1">
      <c r="A221" s="13"/>
      <c r="B221" s="22" t="str">
        <f>IF(Tbl_Dialogue[[#This Row],[Comment ID]]&lt;&gt;"",_xlfn.XLOOKUP(TEXT(Tbl_Dialogue[[#This Row],[Comment ID]],0),Tbl_Comments[Comment ID],Tbl_Comments[Comment],""),"")</f>
        <v/>
      </c>
      <c r="C221" s="9"/>
      <c r="D221" s="5"/>
      <c r="E221" s="6"/>
      <c r="F221" s="2"/>
    </row>
    <row r="222" spans="1:6" ht="14.1">
      <c r="A222" s="13"/>
      <c r="B222" s="22" t="str">
        <f>IF(Tbl_Dialogue[[#This Row],[Comment ID]]&lt;&gt;"",_xlfn.XLOOKUP(TEXT(Tbl_Dialogue[[#This Row],[Comment ID]],0),Tbl_Comments[Comment ID],Tbl_Comments[Comment],""),"")</f>
        <v/>
      </c>
      <c r="C222" s="9"/>
      <c r="D222" s="5"/>
      <c r="E222" s="6"/>
      <c r="F222" s="2"/>
    </row>
    <row r="223" spans="1:6" ht="14.1">
      <c r="A223" s="13"/>
      <c r="B223" s="22" t="str">
        <f>IF(Tbl_Dialogue[[#This Row],[Comment ID]]&lt;&gt;"",_xlfn.XLOOKUP(TEXT(Tbl_Dialogue[[#This Row],[Comment ID]],0),Tbl_Comments[Comment ID],Tbl_Comments[Comment],""),"")</f>
        <v/>
      </c>
      <c r="C223" s="9"/>
      <c r="D223" s="5"/>
      <c r="E223" s="6"/>
      <c r="F223" s="2"/>
    </row>
    <row r="224" spans="1:6" ht="14.1">
      <c r="A224" s="13"/>
      <c r="B224" s="22" t="str">
        <f>IF(Tbl_Dialogue[[#This Row],[Comment ID]]&lt;&gt;"",_xlfn.XLOOKUP(TEXT(Tbl_Dialogue[[#This Row],[Comment ID]],0),Tbl_Comments[Comment ID],Tbl_Comments[Comment],""),"")</f>
        <v/>
      </c>
      <c r="C224" s="9"/>
      <c r="D224" s="5"/>
      <c r="E224" s="6"/>
      <c r="F224" s="2"/>
    </row>
    <row r="225" spans="1:6" ht="14.1">
      <c r="A225" s="13"/>
      <c r="B225" s="22" t="str">
        <f>IF(Tbl_Dialogue[[#This Row],[Comment ID]]&lt;&gt;"",_xlfn.XLOOKUP(TEXT(Tbl_Dialogue[[#This Row],[Comment ID]],0),Tbl_Comments[Comment ID],Tbl_Comments[Comment],""),"")</f>
        <v/>
      </c>
      <c r="C225" s="9"/>
      <c r="D225" s="5"/>
      <c r="E225" s="6"/>
      <c r="F225" s="2"/>
    </row>
    <row r="226" spans="1:6" ht="14.1">
      <c r="A226" s="13"/>
      <c r="B226" s="22" t="str">
        <f>IF(Tbl_Dialogue[[#This Row],[Comment ID]]&lt;&gt;"",_xlfn.XLOOKUP(TEXT(Tbl_Dialogue[[#This Row],[Comment ID]],0),Tbl_Comments[Comment ID],Tbl_Comments[Comment],""),"")</f>
        <v/>
      </c>
      <c r="C226" s="9"/>
      <c r="D226" s="5"/>
      <c r="E226" s="6"/>
      <c r="F226" s="2"/>
    </row>
    <row r="227" spans="1:6" ht="14.1">
      <c r="A227" s="13"/>
      <c r="B227" s="22" t="str">
        <f>IF(Tbl_Dialogue[[#This Row],[Comment ID]]&lt;&gt;"",_xlfn.XLOOKUP(TEXT(Tbl_Dialogue[[#This Row],[Comment ID]],0),Tbl_Comments[Comment ID],Tbl_Comments[Comment],""),"")</f>
        <v/>
      </c>
      <c r="C227" s="9"/>
      <c r="D227" s="5"/>
      <c r="E227" s="6"/>
      <c r="F227" s="2"/>
    </row>
    <row r="228" spans="1:6" ht="14.1">
      <c r="A228" s="13"/>
      <c r="B228" s="22" t="str">
        <f>IF(Tbl_Dialogue[[#This Row],[Comment ID]]&lt;&gt;"",_xlfn.XLOOKUP(TEXT(Tbl_Dialogue[[#This Row],[Comment ID]],0),Tbl_Comments[Comment ID],Tbl_Comments[Comment],""),"")</f>
        <v/>
      </c>
      <c r="C228" s="9"/>
      <c r="D228" s="5"/>
      <c r="E228" s="6"/>
      <c r="F228" s="2"/>
    </row>
    <row r="229" spans="1:6" ht="14.1">
      <c r="A229" s="13"/>
      <c r="B229" s="22" t="str">
        <f>IF(Tbl_Dialogue[[#This Row],[Comment ID]]&lt;&gt;"",_xlfn.XLOOKUP(TEXT(Tbl_Dialogue[[#This Row],[Comment ID]],0),Tbl_Comments[Comment ID],Tbl_Comments[Comment],""),"")</f>
        <v/>
      </c>
      <c r="C229" s="9"/>
      <c r="D229" s="5"/>
      <c r="E229" s="6"/>
      <c r="F229" s="2"/>
    </row>
    <row r="230" spans="1:6" ht="14.1">
      <c r="A230" s="13"/>
      <c r="B230" s="22" t="str">
        <f>IF(Tbl_Dialogue[[#This Row],[Comment ID]]&lt;&gt;"",_xlfn.XLOOKUP(TEXT(Tbl_Dialogue[[#This Row],[Comment ID]],0),Tbl_Comments[Comment ID],Tbl_Comments[Comment],""),"")</f>
        <v/>
      </c>
      <c r="C230" s="9"/>
      <c r="D230" s="5"/>
      <c r="E230" s="6"/>
      <c r="F230" s="2"/>
    </row>
    <row r="231" spans="1:6" ht="14.1">
      <c r="A231" s="13"/>
      <c r="B231" s="22" t="str">
        <f>IF(Tbl_Dialogue[[#This Row],[Comment ID]]&lt;&gt;"",_xlfn.XLOOKUP(TEXT(Tbl_Dialogue[[#This Row],[Comment ID]],0),Tbl_Comments[Comment ID],Tbl_Comments[Comment],""),"")</f>
        <v/>
      </c>
      <c r="C231" s="9"/>
      <c r="D231" s="5"/>
      <c r="E231" s="6"/>
      <c r="F231" s="2"/>
    </row>
    <row r="232" spans="1:6" ht="14.1">
      <c r="A232" s="13"/>
      <c r="B232" s="22" t="str">
        <f>IF(Tbl_Dialogue[[#This Row],[Comment ID]]&lt;&gt;"",_xlfn.XLOOKUP(TEXT(Tbl_Dialogue[[#This Row],[Comment ID]],0),Tbl_Comments[Comment ID],Tbl_Comments[Comment],""),"")</f>
        <v/>
      </c>
      <c r="C232" s="9"/>
      <c r="D232" s="5"/>
      <c r="E232" s="6"/>
      <c r="F232" s="2"/>
    </row>
    <row r="233" spans="1:6" ht="14.1">
      <c r="A233" s="13"/>
      <c r="B233" s="22" t="str">
        <f>IF(Tbl_Dialogue[[#This Row],[Comment ID]]&lt;&gt;"",_xlfn.XLOOKUP(TEXT(Tbl_Dialogue[[#This Row],[Comment ID]],0),Tbl_Comments[Comment ID],Tbl_Comments[Comment],""),"")</f>
        <v/>
      </c>
      <c r="C233" s="9"/>
      <c r="D233" s="5"/>
      <c r="E233" s="6"/>
      <c r="F233" s="2"/>
    </row>
    <row r="234" spans="1:6" ht="14.1">
      <c r="A234" s="13"/>
      <c r="B234" s="22" t="str">
        <f>IF(Tbl_Dialogue[[#This Row],[Comment ID]]&lt;&gt;"",_xlfn.XLOOKUP(TEXT(Tbl_Dialogue[[#This Row],[Comment ID]],0),Tbl_Comments[Comment ID],Tbl_Comments[Comment],""),"")</f>
        <v/>
      </c>
      <c r="C234" s="9"/>
      <c r="D234" s="5"/>
      <c r="E234" s="6"/>
      <c r="F234" s="2"/>
    </row>
    <row r="235" spans="1:6" ht="14.1">
      <c r="A235" s="13"/>
      <c r="B235" s="22" t="str">
        <f>IF(Tbl_Dialogue[[#This Row],[Comment ID]]&lt;&gt;"",_xlfn.XLOOKUP(TEXT(Tbl_Dialogue[[#This Row],[Comment ID]],0),Tbl_Comments[Comment ID],Tbl_Comments[Comment],""),"")</f>
        <v/>
      </c>
      <c r="C235" s="9"/>
      <c r="D235" s="5"/>
      <c r="E235" s="6"/>
      <c r="F235" s="2"/>
    </row>
    <row r="236" spans="1:6" ht="14.1">
      <c r="A236" s="13"/>
      <c r="B236" s="22" t="str">
        <f>IF(Tbl_Dialogue[[#This Row],[Comment ID]]&lt;&gt;"",_xlfn.XLOOKUP(TEXT(Tbl_Dialogue[[#This Row],[Comment ID]],0),Tbl_Comments[Comment ID],Tbl_Comments[Comment],""),"")</f>
        <v/>
      </c>
      <c r="C236" s="9"/>
      <c r="D236" s="5"/>
      <c r="E236" s="6"/>
      <c r="F236" s="2"/>
    </row>
    <row r="237" spans="1:6" ht="14.1">
      <c r="A237" s="13"/>
      <c r="B237" s="22" t="str">
        <f>IF(Tbl_Dialogue[[#This Row],[Comment ID]]&lt;&gt;"",_xlfn.XLOOKUP(TEXT(Tbl_Dialogue[[#This Row],[Comment ID]],0),Tbl_Comments[Comment ID],Tbl_Comments[Comment],""),"")</f>
        <v/>
      </c>
      <c r="C237" s="9"/>
      <c r="D237" s="5"/>
      <c r="E237" s="6"/>
      <c r="F237" s="2"/>
    </row>
    <row r="238" spans="1:6" ht="14.1">
      <c r="A238" s="13"/>
      <c r="B238" s="22" t="str">
        <f>IF(Tbl_Dialogue[[#This Row],[Comment ID]]&lt;&gt;"",_xlfn.XLOOKUP(TEXT(Tbl_Dialogue[[#This Row],[Comment ID]],0),Tbl_Comments[Comment ID],Tbl_Comments[Comment],""),"")</f>
        <v/>
      </c>
      <c r="C238" s="9"/>
      <c r="D238" s="5"/>
      <c r="E238" s="6"/>
      <c r="F238" s="2"/>
    </row>
    <row r="239" spans="1:6" ht="14.1">
      <c r="A239" s="13"/>
      <c r="B239" s="22" t="str">
        <f>IF(Tbl_Dialogue[[#This Row],[Comment ID]]&lt;&gt;"",_xlfn.XLOOKUP(TEXT(Tbl_Dialogue[[#This Row],[Comment ID]],0),Tbl_Comments[Comment ID],Tbl_Comments[Comment],""),"")</f>
        <v/>
      </c>
      <c r="C239" s="9"/>
      <c r="D239" s="5"/>
      <c r="E239" s="6"/>
      <c r="F239" s="2"/>
    </row>
    <row r="240" spans="1:6" ht="14.1">
      <c r="A240" s="13"/>
      <c r="B240" s="22" t="str">
        <f>IF(Tbl_Dialogue[[#This Row],[Comment ID]]&lt;&gt;"",_xlfn.XLOOKUP(TEXT(Tbl_Dialogue[[#This Row],[Comment ID]],0),Tbl_Comments[Comment ID],Tbl_Comments[Comment],""),"")</f>
        <v/>
      </c>
      <c r="C240" s="9"/>
      <c r="D240" s="5"/>
      <c r="E240" s="6"/>
      <c r="F240" s="2"/>
    </row>
    <row r="241" spans="1:6" ht="14.1">
      <c r="A241" s="13"/>
      <c r="B241" s="22" t="str">
        <f>IF(Tbl_Dialogue[[#This Row],[Comment ID]]&lt;&gt;"",_xlfn.XLOOKUP(TEXT(Tbl_Dialogue[[#This Row],[Comment ID]],0),Tbl_Comments[Comment ID],Tbl_Comments[Comment],""),"")</f>
        <v/>
      </c>
      <c r="C241" s="9"/>
      <c r="D241" s="5"/>
      <c r="E241" s="6"/>
      <c r="F241" s="2"/>
    </row>
    <row r="242" spans="1:6" ht="14.1">
      <c r="A242" s="13"/>
      <c r="B242" s="22" t="str">
        <f>IF(Tbl_Dialogue[[#This Row],[Comment ID]]&lt;&gt;"",_xlfn.XLOOKUP(TEXT(Tbl_Dialogue[[#This Row],[Comment ID]],0),Tbl_Comments[Comment ID],Tbl_Comments[Comment],""),"")</f>
        <v/>
      </c>
      <c r="C242" s="9"/>
      <c r="D242" s="5"/>
      <c r="E242" s="6"/>
      <c r="F242" s="2"/>
    </row>
    <row r="243" spans="1:6" ht="14.1">
      <c r="A243" s="13"/>
      <c r="B243" s="22" t="str">
        <f>IF(Tbl_Dialogue[[#This Row],[Comment ID]]&lt;&gt;"",_xlfn.XLOOKUP(TEXT(Tbl_Dialogue[[#This Row],[Comment ID]],0),Tbl_Comments[Comment ID],Tbl_Comments[Comment],""),"")</f>
        <v/>
      </c>
      <c r="C243" s="9"/>
      <c r="D243" s="5"/>
      <c r="E243" s="6"/>
      <c r="F243" s="2"/>
    </row>
    <row r="244" spans="1:6" ht="14.1">
      <c r="A244" s="13"/>
      <c r="B244" s="22" t="str">
        <f>IF(Tbl_Dialogue[[#This Row],[Comment ID]]&lt;&gt;"",_xlfn.XLOOKUP(TEXT(Tbl_Dialogue[[#This Row],[Comment ID]],0),Tbl_Comments[Comment ID],Tbl_Comments[Comment],""),"")</f>
        <v/>
      </c>
      <c r="C244" s="9"/>
      <c r="D244" s="5"/>
      <c r="E244" s="6"/>
      <c r="F244" s="2"/>
    </row>
    <row r="245" spans="1:6" ht="14.1">
      <c r="A245" s="13"/>
      <c r="B245" s="22" t="str">
        <f>IF(Tbl_Dialogue[[#This Row],[Comment ID]]&lt;&gt;"",_xlfn.XLOOKUP(TEXT(Tbl_Dialogue[[#This Row],[Comment ID]],0),Tbl_Comments[Comment ID],Tbl_Comments[Comment],""),"")</f>
        <v/>
      </c>
      <c r="C245" s="9"/>
      <c r="D245" s="5"/>
      <c r="E245" s="6"/>
      <c r="F245" s="2"/>
    </row>
    <row r="246" spans="1:6" ht="14.1">
      <c r="A246" s="13"/>
      <c r="B246" s="22" t="str">
        <f>IF(Tbl_Dialogue[[#This Row],[Comment ID]]&lt;&gt;"",_xlfn.XLOOKUP(TEXT(Tbl_Dialogue[[#This Row],[Comment ID]],0),Tbl_Comments[Comment ID],Tbl_Comments[Comment],""),"")</f>
        <v/>
      </c>
      <c r="C246" s="9"/>
      <c r="D246" s="5"/>
      <c r="E246" s="6"/>
      <c r="F246" s="2"/>
    </row>
    <row r="247" spans="1:6" ht="14.1">
      <c r="A247" s="13"/>
      <c r="B247" s="22" t="str">
        <f>IF(Tbl_Dialogue[[#This Row],[Comment ID]]&lt;&gt;"",_xlfn.XLOOKUP(TEXT(Tbl_Dialogue[[#This Row],[Comment ID]],0),Tbl_Comments[Comment ID],Tbl_Comments[Comment],""),"")</f>
        <v/>
      </c>
      <c r="C247" s="9"/>
      <c r="D247" s="5"/>
      <c r="E247" s="6"/>
      <c r="F247" s="2"/>
    </row>
    <row r="248" spans="1:6" ht="14.1">
      <c r="A248" s="13"/>
      <c r="B248" s="22" t="str">
        <f>IF(Tbl_Dialogue[[#This Row],[Comment ID]]&lt;&gt;"",_xlfn.XLOOKUP(TEXT(Tbl_Dialogue[[#This Row],[Comment ID]],0),Tbl_Comments[Comment ID],Tbl_Comments[Comment],""),"")</f>
        <v/>
      </c>
      <c r="C248" s="9"/>
      <c r="D248" s="5"/>
      <c r="E248" s="6"/>
      <c r="F248" s="2"/>
    </row>
    <row r="249" spans="1:6" ht="14.1">
      <c r="A249" s="13"/>
      <c r="B249" s="22" t="str">
        <f>IF(Tbl_Dialogue[[#This Row],[Comment ID]]&lt;&gt;"",_xlfn.XLOOKUP(TEXT(Tbl_Dialogue[[#This Row],[Comment ID]],0),Tbl_Comments[Comment ID],Tbl_Comments[Comment],""),"")</f>
        <v/>
      </c>
      <c r="C249" s="9"/>
      <c r="D249" s="5"/>
      <c r="E249" s="6"/>
      <c r="F249" s="2"/>
    </row>
    <row r="250" spans="1:6" ht="14.1">
      <c r="A250" s="13"/>
      <c r="B250" s="22" t="str">
        <f>IF(Tbl_Dialogue[[#This Row],[Comment ID]]&lt;&gt;"",_xlfn.XLOOKUP(TEXT(Tbl_Dialogue[[#This Row],[Comment ID]],0),Tbl_Comments[Comment ID],Tbl_Comments[Comment],""),"")</f>
        <v/>
      </c>
      <c r="C250" s="9"/>
      <c r="D250" s="5"/>
      <c r="E250" s="6"/>
      <c r="F250" s="2"/>
    </row>
    <row r="251" spans="1:6" ht="14.1">
      <c r="A251" s="13"/>
      <c r="B251" s="22" t="str">
        <f>IF(Tbl_Dialogue[[#This Row],[Comment ID]]&lt;&gt;"",_xlfn.XLOOKUP(TEXT(Tbl_Dialogue[[#This Row],[Comment ID]],0),Tbl_Comments[Comment ID],Tbl_Comments[Comment],""),"")</f>
        <v/>
      </c>
      <c r="C251" s="9"/>
      <c r="D251" s="5"/>
      <c r="E251" s="6"/>
      <c r="F251" s="2"/>
    </row>
    <row r="252" spans="1:6" ht="14.1">
      <c r="A252" s="13"/>
      <c r="B252" s="22" t="str">
        <f>IF(Tbl_Dialogue[[#This Row],[Comment ID]]&lt;&gt;"",_xlfn.XLOOKUP(TEXT(Tbl_Dialogue[[#This Row],[Comment ID]],0),Tbl_Comments[Comment ID],Tbl_Comments[Comment],""),"")</f>
        <v/>
      </c>
      <c r="C252" s="9"/>
      <c r="D252" s="5"/>
      <c r="E252" s="6"/>
      <c r="F252" s="2"/>
    </row>
    <row r="253" spans="1:6" ht="14.1">
      <c r="A253" s="13"/>
      <c r="B253" s="22" t="str">
        <f>IF(Tbl_Dialogue[[#This Row],[Comment ID]]&lt;&gt;"",_xlfn.XLOOKUP(TEXT(Tbl_Dialogue[[#This Row],[Comment ID]],0),Tbl_Comments[Comment ID],Tbl_Comments[Comment],""),"")</f>
        <v/>
      </c>
      <c r="C253" s="9"/>
      <c r="D253" s="5"/>
      <c r="E253" s="6"/>
      <c r="F253" s="2"/>
    </row>
    <row r="254" spans="1:6" ht="14.1">
      <c r="A254" s="13"/>
      <c r="B254" s="22" t="str">
        <f>IF(Tbl_Dialogue[[#This Row],[Comment ID]]&lt;&gt;"",_xlfn.XLOOKUP(TEXT(Tbl_Dialogue[[#This Row],[Comment ID]],0),Tbl_Comments[Comment ID],Tbl_Comments[Comment],""),"")</f>
        <v/>
      </c>
      <c r="C254" s="9"/>
      <c r="D254" s="5"/>
      <c r="E254" s="6"/>
      <c r="F254" s="2"/>
    </row>
    <row r="255" spans="1:6" ht="14.1">
      <c r="A255" s="13"/>
      <c r="B255" s="22" t="str">
        <f>IF(Tbl_Dialogue[[#This Row],[Comment ID]]&lt;&gt;"",_xlfn.XLOOKUP(TEXT(Tbl_Dialogue[[#This Row],[Comment ID]],0),Tbl_Comments[Comment ID],Tbl_Comments[Comment],""),"")</f>
        <v/>
      </c>
      <c r="C255" s="9"/>
      <c r="D255" s="5"/>
      <c r="E255" s="6"/>
      <c r="F255" s="2"/>
    </row>
    <row r="256" spans="1:6" ht="14.1">
      <c r="A256" s="13"/>
      <c r="B256" s="22" t="str">
        <f>IF(Tbl_Dialogue[[#This Row],[Comment ID]]&lt;&gt;"",_xlfn.XLOOKUP(TEXT(Tbl_Dialogue[[#This Row],[Comment ID]],0),Tbl_Comments[Comment ID],Tbl_Comments[Comment],""),"")</f>
        <v/>
      </c>
      <c r="C256" s="9"/>
      <c r="D256" s="5"/>
      <c r="E256" s="6"/>
      <c r="F256" s="2"/>
    </row>
    <row r="257" spans="1:6" ht="14.1">
      <c r="A257" s="13"/>
      <c r="B257" s="22" t="str">
        <f>IF(Tbl_Dialogue[[#This Row],[Comment ID]]&lt;&gt;"",_xlfn.XLOOKUP(TEXT(Tbl_Dialogue[[#This Row],[Comment ID]],0),Tbl_Comments[Comment ID],Tbl_Comments[Comment],""),"")</f>
        <v/>
      </c>
      <c r="C257" s="9"/>
      <c r="D257" s="5"/>
      <c r="E257" s="6"/>
      <c r="F257" s="2"/>
    </row>
    <row r="258" spans="1:6" ht="14.1">
      <c r="A258" s="13"/>
      <c r="B258" s="22" t="str">
        <f>IF(Tbl_Dialogue[[#This Row],[Comment ID]]&lt;&gt;"",_xlfn.XLOOKUP(TEXT(Tbl_Dialogue[[#This Row],[Comment ID]],0),Tbl_Comments[Comment ID],Tbl_Comments[Comment],""),"")</f>
        <v/>
      </c>
      <c r="C258" s="9"/>
      <c r="D258" s="5"/>
      <c r="E258" s="6"/>
      <c r="F258" s="2"/>
    </row>
    <row r="259" spans="1:6" ht="14.1">
      <c r="A259" s="13"/>
      <c r="B259" s="22" t="str">
        <f>IF(Tbl_Dialogue[[#This Row],[Comment ID]]&lt;&gt;"",_xlfn.XLOOKUP(TEXT(Tbl_Dialogue[[#This Row],[Comment ID]],0),Tbl_Comments[Comment ID],Tbl_Comments[Comment],""),"")</f>
        <v/>
      </c>
      <c r="C259" s="9"/>
      <c r="D259" s="5"/>
      <c r="E259" s="6"/>
      <c r="F259" s="2"/>
    </row>
    <row r="260" spans="1:6" ht="14.1">
      <c r="A260" s="13"/>
      <c r="B260" s="22" t="str">
        <f>IF(Tbl_Dialogue[[#This Row],[Comment ID]]&lt;&gt;"",_xlfn.XLOOKUP(TEXT(Tbl_Dialogue[[#This Row],[Comment ID]],0),Tbl_Comments[Comment ID],Tbl_Comments[Comment],""),"")</f>
        <v/>
      </c>
      <c r="C260" s="9"/>
      <c r="D260" s="5"/>
      <c r="E260" s="6"/>
      <c r="F260" s="2"/>
    </row>
    <row r="261" spans="1:6" ht="14.1">
      <c r="A261" s="13"/>
      <c r="B261" s="22" t="str">
        <f>IF(Tbl_Dialogue[[#This Row],[Comment ID]]&lt;&gt;"",_xlfn.XLOOKUP(TEXT(Tbl_Dialogue[[#This Row],[Comment ID]],0),Tbl_Comments[Comment ID],Tbl_Comments[Comment],""),"")</f>
        <v/>
      </c>
      <c r="C261" s="9"/>
      <c r="D261" s="5"/>
      <c r="E261" s="6"/>
      <c r="F261" s="2"/>
    </row>
    <row r="262" spans="1:6" ht="14.1">
      <c r="A262" s="13"/>
      <c r="B262" s="22" t="str">
        <f>IF(Tbl_Dialogue[[#This Row],[Comment ID]]&lt;&gt;"",_xlfn.XLOOKUP(TEXT(Tbl_Dialogue[[#This Row],[Comment ID]],0),Tbl_Comments[Comment ID],Tbl_Comments[Comment],""),"")</f>
        <v/>
      </c>
      <c r="C262" s="9"/>
      <c r="D262" s="5"/>
      <c r="E262" s="6"/>
      <c r="F262" s="2"/>
    </row>
    <row r="263" spans="1:6" ht="14.1">
      <c r="A263" s="13"/>
      <c r="B263" s="22" t="str">
        <f>IF(Tbl_Dialogue[[#This Row],[Comment ID]]&lt;&gt;"",_xlfn.XLOOKUP(TEXT(Tbl_Dialogue[[#This Row],[Comment ID]],0),Tbl_Comments[Comment ID],Tbl_Comments[Comment],""),"")</f>
        <v/>
      </c>
      <c r="C263" s="9"/>
      <c r="D263" s="5"/>
      <c r="E263" s="6"/>
      <c r="F263" s="2"/>
    </row>
    <row r="264" spans="1:6" ht="14.1">
      <c r="A264" s="13"/>
      <c r="B264" s="22" t="str">
        <f>IF(Tbl_Dialogue[[#This Row],[Comment ID]]&lt;&gt;"",_xlfn.XLOOKUP(TEXT(Tbl_Dialogue[[#This Row],[Comment ID]],0),Tbl_Comments[Comment ID],Tbl_Comments[Comment],""),"")</f>
        <v/>
      </c>
      <c r="C264" s="9"/>
      <c r="D264" s="5"/>
      <c r="E264" s="6"/>
      <c r="F264" s="2"/>
    </row>
    <row r="265" spans="1:6" ht="14.1">
      <c r="A265" s="13"/>
      <c r="B265" s="22" t="str">
        <f>IF(Tbl_Dialogue[[#This Row],[Comment ID]]&lt;&gt;"",_xlfn.XLOOKUP(TEXT(Tbl_Dialogue[[#This Row],[Comment ID]],0),Tbl_Comments[Comment ID],Tbl_Comments[Comment],""),"")</f>
        <v/>
      </c>
      <c r="C265" s="9"/>
      <c r="D265" s="5"/>
      <c r="E265" s="6"/>
      <c r="F265" s="2"/>
    </row>
    <row r="266" spans="1:6" ht="14.1">
      <c r="A266" s="13"/>
      <c r="B266" s="22" t="str">
        <f>IF(Tbl_Dialogue[[#This Row],[Comment ID]]&lt;&gt;"",_xlfn.XLOOKUP(TEXT(Tbl_Dialogue[[#This Row],[Comment ID]],0),Tbl_Comments[Comment ID],Tbl_Comments[Comment],""),"")</f>
        <v/>
      </c>
      <c r="C266" s="9"/>
      <c r="D266" s="5"/>
      <c r="E266" s="6"/>
      <c r="F266" s="2"/>
    </row>
    <row r="267" spans="1:6" ht="14.1">
      <c r="A267" s="13"/>
      <c r="B267" s="22" t="str">
        <f>IF(Tbl_Dialogue[[#This Row],[Comment ID]]&lt;&gt;"",_xlfn.XLOOKUP(TEXT(Tbl_Dialogue[[#This Row],[Comment ID]],0),Tbl_Comments[Comment ID],Tbl_Comments[Comment],""),"")</f>
        <v/>
      </c>
      <c r="C267" s="9"/>
      <c r="D267" s="5"/>
      <c r="E267" s="6"/>
      <c r="F267" s="2"/>
    </row>
    <row r="268" spans="1:6" ht="14.1">
      <c r="A268" s="13"/>
      <c r="B268" s="22" t="str">
        <f>IF(Tbl_Dialogue[[#This Row],[Comment ID]]&lt;&gt;"",_xlfn.XLOOKUP(TEXT(Tbl_Dialogue[[#This Row],[Comment ID]],0),Tbl_Comments[Comment ID],Tbl_Comments[Comment],""),"")</f>
        <v/>
      </c>
      <c r="C268" s="9"/>
      <c r="D268" s="5"/>
      <c r="E268" s="6"/>
      <c r="F268" s="2"/>
    </row>
    <row r="269" spans="1:6" ht="14.1">
      <c r="A269" s="13"/>
      <c r="B269" s="22" t="str">
        <f>IF(Tbl_Dialogue[[#This Row],[Comment ID]]&lt;&gt;"",_xlfn.XLOOKUP(TEXT(Tbl_Dialogue[[#This Row],[Comment ID]],0),Tbl_Comments[Comment ID],Tbl_Comments[Comment],""),"")</f>
        <v/>
      </c>
      <c r="C269" s="9"/>
      <c r="D269" s="5"/>
      <c r="E269" s="6"/>
      <c r="F269" s="2"/>
    </row>
    <row r="270" spans="1:6" ht="14.1">
      <c r="A270" s="13"/>
      <c r="B270" s="22" t="str">
        <f>IF(Tbl_Dialogue[[#This Row],[Comment ID]]&lt;&gt;"",_xlfn.XLOOKUP(TEXT(Tbl_Dialogue[[#This Row],[Comment ID]],0),Tbl_Comments[Comment ID],Tbl_Comments[Comment],""),"")</f>
        <v/>
      </c>
      <c r="C270" s="9"/>
      <c r="D270" s="5"/>
      <c r="E270" s="6"/>
      <c r="F270" s="2"/>
    </row>
    <row r="271" spans="1:6" ht="14.1">
      <c r="A271" s="13"/>
      <c r="B271" s="22" t="str">
        <f>IF(Tbl_Dialogue[[#This Row],[Comment ID]]&lt;&gt;"",_xlfn.XLOOKUP(TEXT(Tbl_Dialogue[[#This Row],[Comment ID]],0),Tbl_Comments[Comment ID],Tbl_Comments[Comment],""),"")</f>
        <v/>
      </c>
      <c r="C271" s="9"/>
      <c r="D271" s="5"/>
      <c r="E271" s="6"/>
      <c r="F271" s="2"/>
    </row>
    <row r="272" spans="1:6" ht="14.1">
      <c r="A272" s="13"/>
      <c r="B272" s="22" t="str">
        <f>IF(Tbl_Dialogue[[#This Row],[Comment ID]]&lt;&gt;"",_xlfn.XLOOKUP(TEXT(Tbl_Dialogue[[#This Row],[Comment ID]],0),Tbl_Comments[Comment ID],Tbl_Comments[Comment],""),"")</f>
        <v/>
      </c>
      <c r="C272" s="9"/>
      <c r="D272" s="5"/>
      <c r="E272" s="6"/>
      <c r="F272" s="2"/>
    </row>
    <row r="273" spans="1:6" ht="14.1">
      <c r="A273" s="13"/>
      <c r="B273" s="22" t="str">
        <f>IF(Tbl_Dialogue[[#This Row],[Comment ID]]&lt;&gt;"",_xlfn.XLOOKUP(TEXT(Tbl_Dialogue[[#This Row],[Comment ID]],0),Tbl_Comments[Comment ID],Tbl_Comments[Comment],""),"")</f>
        <v/>
      </c>
      <c r="C273" s="9"/>
      <c r="D273" s="5"/>
      <c r="E273" s="6"/>
      <c r="F273" s="2"/>
    </row>
    <row r="274" spans="1:6" ht="14.1">
      <c r="A274" s="13"/>
      <c r="B274" s="22" t="str">
        <f>IF(Tbl_Dialogue[[#This Row],[Comment ID]]&lt;&gt;"",_xlfn.XLOOKUP(TEXT(Tbl_Dialogue[[#This Row],[Comment ID]],0),Tbl_Comments[Comment ID],Tbl_Comments[Comment],""),"")</f>
        <v/>
      </c>
      <c r="C274" s="9"/>
      <c r="D274" s="5"/>
      <c r="E274" s="6"/>
      <c r="F274" s="2"/>
    </row>
    <row r="275" spans="1:6" ht="14.1">
      <c r="A275" s="13"/>
      <c r="B275" s="22" t="str">
        <f>IF(Tbl_Dialogue[[#This Row],[Comment ID]]&lt;&gt;"",_xlfn.XLOOKUP(TEXT(Tbl_Dialogue[[#This Row],[Comment ID]],0),Tbl_Comments[Comment ID],Tbl_Comments[Comment],""),"")</f>
        <v/>
      </c>
      <c r="C275" s="9"/>
      <c r="D275" s="5"/>
      <c r="E275" s="6"/>
      <c r="F275" s="2"/>
    </row>
    <row r="276" spans="1:6" ht="14.1">
      <c r="A276" s="13"/>
      <c r="B276" s="22" t="str">
        <f>IF(Tbl_Dialogue[[#This Row],[Comment ID]]&lt;&gt;"",_xlfn.XLOOKUP(TEXT(Tbl_Dialogue[[#This Row],[Comment ID]],0),Tbl_Comments[Comment ID],Tbl_Comments[Comment],""),"")</f>
        <v/>
      </c>
      <c r="C276" s="9"/>
      <c r="D276" s="5"/>
      <c r="E276" s="6"/>
      <c r="F276" s="2"/>
    </row>
    <row r="277" spans="1:6" ht="14.1">
      <c r="A277" s="13"/>
      <c r="B277" s="22" t="str">
        <f>IF(Tbl_Dialogue[[#This Row],[Comment ID]]&lt;&gt;"",_xlfn.XLOOKUP(TEXT(Tbl_Dialogue[[#This Row],[Comment ID]],0),Tbl_Comments[Comment ID],Tbl_Comments[Comment],""),"")</f>
        <v/>
      </c>
      <c r="C277" s="9"/>
      <c r="D277" s="5"/>
      <c r="E277" s="6"/>
      <c r="F277" s="2"/>
    </row>
    <row r="278" spans="1:6" ht="14.1">
      <c r="A278" s="13"/>
      <c r="B278" s="22" t="str">
        <f>IF(Tbl_Dialogue[[#This Row],[Comment ID]]&lt;&gt;"",_xlfn.XLOOKUP(TEXT(Tbl_Dialogue[[#This Row],[Comment ID]],0),Tbl_Comments[Comment ID],Tbl_Comments[Comment],""),"")</f>
        <v/>
      </c>
      <c r="C278" s="9"/>
      <c r="D278" s="5"/>
      <c r="E278" s="6"/>
      <c r="F278" s="2"/>
    </row>
    <row r="279" spans="1:6" ht="14.1">
      <c r="A279" s="13"/>
      <c r="B279" s="22" t="str">
        <f>IF(Tbl_Dialogue[[#This Row],[Comment ID]]&lt;&gt;"",_xlfn.XLOOKUP(TEXT(Tbl_Dialogue[[#This Row],[Comment ID]],0),Tbl_Comments[Comment ID],Tbl_Comments[Comment],""),"")</f>
        <v/>
      </c>
      <c r="C279" s="9"/>
      <c r="D279" s="5"/>
      <c r="E279" s="6"/>
      <c r="F279" s="2"/>
    </row>
    <row r="280" spans="1:6" ht="14.1">
      <c r="A280" s="13"/>
      <c r="B280" s="22" t="str">
        <f>IF(Tbl_Dialogue[[#This Row],[Comment ID]]&lt;&gt;"",_xlfn.XLOOKUP(TEXT(Tbl_Dialogue[[#This Row],[Comment ID]],0),Tbl_Comments[Comment ID],Tbl_Comments[Comment],""),"")</f>
        <v/>
      </c>
      <c r="C280" s="9"/>
      <c r="D280" s="5"/>
      <c r="E280" s="6"/>
      <c r="F280" s="2"/>
    </row>
    <row r="281" spans="1:6" ht="14.1">
      <c r="A281" s="13"/>
      <c r="B281" s="22" t="str">
        <f>IF(Tbl_Dialogue[[#This Row],[Comment ID]]&lt;&gt;"",_xlfn.XLOOKUP(TEXT(Tbl_Dialogue[[#This Row],[Comment ID]],0),Tbl_Comments[Comment ID],Tbl_Comments[Comment],""),"")</f>
        <v/>
      </c>
      <c r="C281" s="9"/>
      <c r="D281" s="5"/>
      <c r="E281" s="6"/>
      <c r="F281" s="2"/>
    </row>
    <row r="282" spans="1:6" ht="14.1">
      <c r="A282" s="13"/>
      <c r="B282" s="22" t="str">
        <f>IF(Tbl_Dialogue[[#This Row],[Comment ID]]&lt;&gt;"",_xlfn.XLOOKUP(TEXT(Tbl_Dialogue[[#This Row],[Comment ID]],0),Tbl_Comments[Comment ID],Tbl_Comments[Comment],""),"")</f>
        <v/>
      </c>
      <c r="C282" s="9"/>
      <c r="D282" s="5"/>
      <c r="E282" s="6"/>
      <c r="F282" s="2"/>
    </row>
    <row r="283" spans="1:6" ht="14.1">
      <c r="A283" s="13"/>
      <c r="B283" s="22" t="str">
        <f>IF(Tbl_Dialogue[[#This Row],[Comment ID]]&lt;&gt;"",_xlfn.XLOOKUP(TEXT(Tbl_Dialogue[[#This Row],[Comment ID]],0),Tbl_Comments[Comment ID],Tbl_Comments[Comment],""),"")</f>
        <v/>
      </c>
      <c r="C283" s="9"/>
      <c r="D283" s="5"/>
      <c r="E283" s="6"/>
      <c r="F283" s="2"/>
    </row>
    <row r="284" spans="1:6" ht="14.1">
      <c r="A284" s="13"/>
      <c r="B284" s="22" t="str">
        <f>IF(Tbl_Dialogue[[#This Row],[Comment ID]]&lt;&gt;"",_xlfn.XLOOKUP(TEXT(Tbl_Dialogue[[#This Row],[Comment ID]],0),Tbl_Comments[Comment ID],Tbl_Comments[Comment],""),"")</f>
        <v/>
      </c>
      <c r="C284" s="9"/>
      <c r="D284" s="5"/>
      <c r="E284" s="6"/>
      <c r="F284" s="2"/>
    </row>
    <row r="285" spans="1:6" ht="14.1">
      <c r="A285" s="13"/>
      <c r="B285" s="22" t="str">
        <f>IF(Tbl_Dialogue[[#This Row],[Comment ID]]&lt;&gt;"",_xlfn.XLOOKUP(TEXT(Tbl_Dialogue[[#This Row],[Comment ID]],0),Tbl_Comments[Comment ID],Tbl_Comments[Comment],""),"")</f>
        <v/>
      </c>
      <c r="C285" s="9"/>
      <c r="D285" s="5"/>
      <c r="E285" s="6"/>
      <c r="F285" s="2"/>
    </row>
    <row r="286" spans="1:6" ht="14.1">
      <c r="A286" s="13"/>
      <c r="B286" s="22" t="str">
        <f>IF(Tbl_Dialogue[[#This Row],[Comment ID]]&lt;&gt;"",_xlfn.XLOOKUP(TEXT(Tbl_Dialogue[[#This Row],[Comment ID]],0),Tbl_Comments[Comment ID],Tbl_Comments[Comment],""),"")</f>
        <v/>
      </c>
      <c r="C286" s="9"/>
      <c r="D286" s="5"/>
      <c r="E286" s="6"/>
      <c r="F286" s="2"/>
    </row>
    <row r="287" spans="1:6" ht="14.1">
      <c r="A287" s="13"/>
      <c r="B287" s="22" t="str">
        <f>IF(Tbl_Dialogue[[#This Row],[Comment ID]]&lt;&gt;"",_xlfn.XLOOKUP(TEXT(Tbl_Dialogue[[#This Row],[Comment ID]],0),Tbl_Comments[Comment ID],Tbl_Comments[Comment],""),"")</f>
        <v/>
      </c>
      <c r="C287" s="9"/>
      <c r="D287" s="5"/>
      <c r="E287" s="6"/>
      <c r="F287" s="2"/>
    </row>
    <row r="288" spans="1:6" ht="14.1">
      <c r="A288" s="13"/>
      <c r="B288" s="22" t="str">
        <f>IF(Tbl_Dialogue[[#This Row],[Comment ID]]&lt;&gt;"",_xlfn.XLOOKUP(TEXT(Tbl_Dialogue[[#This Row],[Comment ID]],0),Tbl_Comments[Comment ID],Tbl_Comments[Comment],""),"")</f>
        <v/>
      </c>
      <c r="C288" s="9"/>
      <c r="D288" s="5"/>
      <c r="E288" s="6"/>
      <c r="F288" s="2"/>
    </row>
    <row r="289" spans="1:6" ht="14.1">
      <c r="A289" s="13"/>
      <c r="B289" s="22" t="str">
        <f>IF(Tbl_Dialogue[[#This Row],[Comment ID]]&lt;&gt;"",_xlfn.XLOOKUP(TEXT(Tbl_Dialogue[[#This Row],[Comment ID]],0),Tbl_Comments[Comment ID],Tbl_Comments[Comment],""),"")</f>
        <v/>
      </c>
      <c r="C289" s="9"/>
      <c r="D289" s="5"/>
      <c r="E289" s="6"/>
      <c r="F289" s="2"/>
    </row>
    <row r="290" spans="1:6" ht="14.1">
      <c r="A290" s="13"/>
      <c r="B290" s="22" t="str">
        <f>IF(Tbl_Dialogue[[#This Row],[Comment ID]]&lt;&gt;"",_xlfn.XLOOKUP(TEXT(Tbl_Dialogue[[#This Row],[Comment ID]],0),Tbl_Comments[Comment ID],Tbl_Comments[Comment],""),"")</f>
        <v/>
      </c>
      <c r="C290" s="9"/>
      <c r="D290" s="5"/>
      <c r="E290" s="6"/>
      <c r="F290" s="2"/>
    </row>
    <row r="291" spans="1:6" ht="14.1">
      <c r="A291" s="13"/>
      <c r="B291" s="22" t="str">
        <f>IF(Tbl_Dialogue[[#This Row],[Comment ID]]&lt;&gt;"",_xlfn.XLOOKUP(TEXT(Tbl_Dialogue[[#This Row],[Comment ID]],0),Tbl_Comments[Comment ID],Tbl_Comments[Comment],""),"")</f>
        <v/>
      </c>
      <c r="C291" s="9"/>
      <c r="D291" s="5"/>
      <c r="E291" s="6"/>
      <c r="F291" s="2"/>
    </row>
    <row r="292" spans="1:6" ht="14.1">
      <c r="A292" s="13"/>
      <c r="B292" s="22" t="str">
        <f>IF(Tbl_Dialogue[[#This Row],[Comment ID]]&lt;&gt;"",_xlfn.XLOOKUP(TEXT(Tbl_Dialogue[[#This Row],[Comment ID]],0),Tbl_Comments[Comment ID],Tbl_Comments[Comment],""),"")</f>
        <v/>
      </c>
      <c r="C292" s="9"/>
      <c r="D292" s="5"/>
      <c r="E292" s="6"/>
      <c r="F292" s="2"/>
    </row>
    <row r="293" spans="1:6" ht="14.1">
      <c r="A293" s="13"/>
      <c r="B293" s="22" t="str">
        <f>IF(Tbl_Dialogue[[#This Row],[Comment ID]]&lt;&gt;"",_xlfn.XLOOKUP(TEXT(Tbl_Dialogue[[#This Row],[Comment ID]],0),Tbl_Comments[Comment ID],Tbl_Comments[Comment],""),"")</f>
        <v/>
      </c>
      <c r="C293" s="9"/>
      <c r="D293" s="5"/>
      <c r="E293" s="6"/>
      <c r="F293" s="2"/>
    </row>
    <row r="294" spans="1:6" ht="14.1">
      <c r="A294" s="13"/>
      <c r="B294" s="22" t="str">
        <f>IF(Tbl_Dialogue[[#This Row],[Comment ID]]&lt;&gt;"",_xlfn.XLOOKUP(TEXT(Tbl_Dialogue[[#This Row],[Comment ID]],0),Tbl_Comments[Comment ID],Tbl_Comments[Comment],""),"")</f>
        <v/>
      </c>
      <c r="C294" s="9"/>
      <c r="D294" s="5"/>
      <c r="E294" s="6"/>
      <c r="F294" s="2"/>
    </row>
    <row r="295" spans="1:6" ht="14.1">
      <c r="A295" s="13"/>
      <c r="B295" s="22" t="str">
        <f>IF(Tbl_Dialogue[[#This Row],[Comment ID]]&lt;&gt;"",_xlfn.XLOOKUP(TEXT(Tbl_Dialogue[[#This Row],[Comment ID]],0),Tbl_Comments[Comment ID],Tbl_Comments[Comment],""),"")</f>
        <v/>
      </c>
      <c r="C295" s="9"/>
      <c r="D295" s="5"/>
      <c r="E295" s="6"/>
      <c r="F295" s="2"/>
    </row>
    <row r="296" spans="1:6" ht="14.1">
      <c r="A296" s="13"/>
      <c r="B296" s="22" t="str">
        <f>IF(Tbl_Dialogue[[#This Row],[Comment ID]]&lt;&gt;"",_xlfn.XLOOKUP(TEXT(Tbl_Dialogue[[#This Row],[Comment ID]],0),Tbl_Comments[Comment ID],Tbl_Comments[Comment],""),"")</f>
        <v/>
      </c>
      <c r="C296" s="9"/>
      <c r="D296" s="5"/>
      <c r="E296" s="6"/>
      <c r="F296" s="2"/>
    </row>
    <row r="297" spans="1:6" ht="14.1">
      <c r="A297" s="13"/>
      <c r="B297" s="22" t="str">
        <f>IF(Tbl_Dialogue[[#This Row],[Comment ID]]&lt;&gt;"",_xlfn.XLOOKUP(TEXT(Tbl_Dialogue[[#This Row],[Comment ID]],0),Tbl_Comments[Comment ID],Tbl_Comments[Comment],""),"")</f>
        <v/>
      </c>
      <c r="C297" s="9"/>
      <c r="D297" s="5"/>
      <c r="E297" s="6"/>
      <c r="F297" s="2"/>
    </row>
    <row r="298" spans="1:6" ht="14.1">
      <c r="A298" s="13"/>
      <c r="B298" s="22" t="str">
        <f>IF(Tbl_Dialogue[[#This Row],[Comment ID]]&lt;&gt;"",_xlfn.XLOOKUP(TEXT(Tbl_Dialogue[[#This Row],[Comment ID]],0),Tbl_Comments[Comment ID],Tbl_Comments[Comment],""),"")</f>
        <v/>
      </c>
      <c r="C298" s="9"/>
      <c r="D298" s="5"/>
      <c r="E298" s="6"/>
      <c r="F298" s="2"/>
    </row>
    <row r="299" spans="1:6" ht="14.1">
      <c r="A299" s="13"/>
      <c r="B299" s="22" t="str">
        <f>IF(Tbl_Dialogue[[#This Row],[Comment ID]]&lt;&gt;"",_xlfn.XLOOKUP(TEXT(Tbl_Dialogue[[#This Row],[Comment ID]],0),Tbl_Comments[Comment ID],Tbl_Comments[Comment],""),"")</f>
        <v/>
      </c>
      <c r="C299" s="9"/>
      <c r="D299" s="5"/>
      <c r="E299" s="6"/>
      <c r="F299" s="2"/>
    </row>
    <row r="300" spans="1:6" ht="14.1">
      <c r="A300" s="13"/>
      <c r="B300" s="22" t="str">
        <f>IF(Tbl_Dialogue[[#This Row],[Comment ID]]&lt;&gt;"",_xlfn.XLOOKUP(TEXT(Tbl_Dialogue[[#This Row],[Comment ID]],0),Tbl_Comments[Comment ID],Tbl_Comments[Comment],""),"")</f>
        <v/>
      </c>
      <c r="C300" s="9"/>
      <c r="D300" s="5"/>
      <c r="E300" s="6"/>
      <c r="F300" s="2"/>
    </row>
    <row r="301" spans="1:6" ht="14.1">
      <c r="A301" s="13"/>
      <c r="B301" s="22" t="str">
        <f>IF(Tbl_Dialogue[[#This Row],[Comment ID]]&lt;&gt;"",_xlfn.XLOOKUP(TEXT(Tbl_Dialogue[[#This Row],[Comment ID]],0),Tbl_Comments[Comment ID],Tbl_Comments[Comment],""),"")</f>
        <v/>
      </c>
      <c r="C301" s="9"/>
      <c r="D301" s="5"/>
      <c r="E301" s="6"/>
      <c r="F301" s="2"/>
    </row>
    <row r="302" spans="1:6" ht="14.1">
      <c r="A302" s="13"/>
      <c r="B302" s="22" t="str">
        <f>IF(Tbl_Dialogue[[#This Row],[Comment ID]]&lt;&gt;"",_xlfn.XLOOKUP(TEXT(Tbl_Dialogue[[#This Row],[Comment ID]],0),Tbl_Comments[Comment ID],Tbl_Comments[Comment],""),"")</f>
        <v/>
      </c>
      <c r="C302" s="9"/>
      <c r="D302" s="5"/>
      <c r="E302" s="6"/>
      <c r="F302" s="2"/>
    </row>
    <row r="303" spans="1:6" ht="14.1">
      <c r="A303" s="13"/>
      <c r="B303" s="22" t="str">
        <f>IF(Tbl_Dialogue[[#This Row],[Comment ID]]&lt;&gt;"",_xlfn.XLOOKUP(TEXT(Tbl_Dialogue[[#This Row],[Comment ID]],0),Tbl_Comments[Comment ID],Tbl_Comments[Comment],""),"")</f>
        <v/>
      </c>
      <c r="C303" s="9"/>
      <c r="D303" s="5"/>
      <c r="E303" s="6"/>
      <c r="F303" s="2"/>
    </row>
    <row r="304" spans="1:6" ht="14.1">
      <c r="A304" s="13"/>
      <c r="B304" s="22" t="str">
        <f>IF(Tbl_Dialogue[[#This Row],[Comment ID]]&lt;&gt;"",_xlfn.XLOOKUP(TEXT(Tbl_Dialogue[[#This Row],[Comment ID]],0),Tbl_Comments[Comment ID],Tbl_Comments[Comment],""),"")</f>
        <v/>
      </c>
      <c r="C304" s="9"/>
      <c r="D304" s="5"/>
      <c r="E304" s="6"/>
      <c r="F304" s="2"/>
    </row>
    <row r="305" spans="1:6" ht="14.1">
      <c r="A305" s="13"/>
      <c r="B305" s="22" t="str">
        <f>IF(Tbl_Dialogue[[#This Row],[Comment ID]]&lt;&gt;"",_xlfn.XLOOKUP(TEXT(Tbl_Dialogue[[#This Row],[Comment ID]],0),Tbl_Comments[Comment ID],Tbl_Comments[Comment],""),"")</f>
        <v/>
      </c>
      <c r="C305" s="9"/>
      <c r="D305" s="5"/>
      <c r="E305" s="6"/>
      <c r="F305" s="2"/>
    </row>
    <row r="306" spans="1:6" ht="14.1">
      <c r="A306" s="13"/>
      <c r="B306" s="22" t="str">
        <f>IF(Tbl_Dialogue[[#This Row],[Comment ID]]&lt;&gt;"",_xlfn.XLOOKUP(TEXT(Tbl_Dialogue[[#This Row],[Comment ID]],0),Tbl_Comments[Comment ID],Tbl_Comments[Comment],""),"")</f>
        <v/>
      </c>
      <c r="C306" s="9"/>
      <c r="D306" s="5"/>
      <c r="E306" s="6"/>
      <c r="F306" s="2"/>
    </row>
    <row r="307" spans="1:6" ht="14.1">
      <c r="A307" s="13"/>
      <c r="B307" s="22" t="str">
        <f>IF(Tbl_Dialogue[[#This Row],[Comment ID]]&lt;&gt;"",_xlfn.XLOOKUP(TEXT(Tbl_Dialogue[[#This Row],[Comment ID]],0),Tbl_Comments[Comment ID],Tbl_Comments[Comment],""),"")</f>
        <v/>
      </c>
      <c r="C307" s="9"/>
      <c r="D307" s="5"/>
      <c r="E307" s="6"/>
      <c r="F307" s="2"/>
    </row>
    <row r="308" spans="1:6" ht="14.1">
      <c r="A308" s="13"/>
      <c r="B308" s="22" t="str">
        <f>IF(Tbl_Dialogue[[#This Row],[Comment ID]]&lt;&gt;"",_xlfn.XLOOKUP(TEXT(Tbl_Dialogue[[#This Row],[Comment ID]],0),Tbl_Comments[Comment ID],Tbl_Comments[Comment],""),"")</f>
        <v/>
      </c>
      <c r="C308" s="9"/>
      <c r="D308" s="5"/>
      <c r="E308" s="6"/>
      <c r="F308" s="2"/>
    </row>
    <row r="309" spans="1:6" ht="14.1">
      <c r="A309" s="13"/>
      <c r="B309" s="22" t="str">
        <f>IF(Tbl_Dialogue[[#This Row],[Comment ID]]&lt;&gt;"",_xlfn.XLOOKUP(TEXT(Tbl_Dialogue[[#This Row],[Comment ID]],0),Tbl_Comments[Comment ID],Tbl_Comments[Comment],""),"")</f>
        <v/>
      </c>
      <c r="C309" s="9"/>
      <c r="D309" s="5"/>
      <c r="E309" s="6"/>
      <c r="F309" s="2"/>
    </row>
    <row r="310" spans="1:6" ht="14.1">
      <c r="A310" s="13"/>
      <c r="B310" s="22" t="str">
        <f>IF(Tbl_Dialogue[[#This Row],[Comment ID]]&lt;&gt;"",_xlfn.XLOOKUP(TEXT(Tbl_Dialogue[[#This Row],[Comment ID]],0),Tbl_Comments[Comment ID],Tbl_Comments[Comment],""),"")</f>
        <v/>
      </c>
      <c r="C310" s="9"/>
      <c r="D310" s="5"/>
      <c r="E310" s="6"/>
      <c r="F310" s="2"/>
    </row>
    <row r="311" spans="1:6" ht="14.1">
      <c r="A311" s="13"/>
      <c r="B311" s="22" t="str">
        <f>IF(Tbl_Dialogue[[#This Row],[Comment ID]]&lt;&gt;"",_xlfn.XLOOKUP(TEXT(Tbl_Dialogue[[#This Row],[Comment ID]],0),Tbl_Comments[Comment ID],Tbl_Comments[Comment],""),"")</f>
        <v/>
      </c>
      <c r="C311" s="9"/>
      <c r="D311" s="5"/>
      <c r="E311" s="6"/>
      <c r="F311" s="2"/>
    </row>
    <row r="312" spans="1:6" ht="14.1">
      <c r="A312" s="13"/>
      <c r="B312" s="22" t="str">
        <f>IF(Tbl_Dialogue[[#This Row],[Comment ID]]&lt;&gt;"",_xlfn.XLOOKUP(TEXT(Tbl_Dialogue[[#This Row],[Comment ID]],0),Tbl_Comments[Comment ID],Tbl_Comments[Comment],""),"")</f>
        <v/>
      </c>
      <c r="C312" s="9"/>
      <c r="D312" s="5"/>
      <c r="E312" s="6"/>
      <c r="F312" s="2"/>
    </row>
    <row r="313" spans="1:6" ht="14.1">
      <c r="A313" s="13"/>
      <c r="B313" s="22" t="str">
        <f>IF(Tbl_Dialogue[[#This Row],[Comment ID]]&lt;&gt;"",_xlfn.XLOOKUP(TEXT(Tbl_Dialogue[[#This Row],[Comment ID]],0),Tbl_Comments[Comment ID],Tbl_Comments[Comment],""),"")</f>
        <v/>
      </c>
      <c r="C313" s="9"/>
      <c r="D313" s="5"/>
      <c r="E313" s="6"/>
      <c r="F313" s="2"/>
    </row>
    <row r="314" spans="1:6" ht="14.1">
      <c r="A314" s="13"/>
      <c r="B314" s="22" t="str">
        <f>IF(Tbl_Dialogue[[#This Row],[Comment ID]]&lt;&gt;"",_xlfn.XLOOKUP(TEXT(Tbl_Dialogue[[#This Row],[Comment ID]],0),Tbl_Comments[Comment ID],Tbl_Comments[Comment],""),"")</f>
        <v/>
      </c>
      <c r="C314" s="9"/>
      <c r="D314" s="5"/>
      <c r="E314" s="6"/>
      <c r="F314" s="2"/>
    </row>
    <row r="315" spans="1:6" ht="14.1">
      <c r="A315" s="13"/>
      <c r="B315" s="22" t="str">
        <f>IF(Tbl_Dialogue[[#This Row],[Comment ID]]&lt;&gt;"",_xlfn.XLOOKUP(TEXT(Tbl_Dialogue[[#This Row],[Comment ID]],0),Tbl_Comments[Comment ID],Tbl_Comments[Comment],""),"")</f>
        <v/>
      </c>
      <c r="C315" s="9"/>
      <c r="D315" s="5"/>
      <c r="E315" s="6"/>
      <c r="F315" s="2"/>
    </row>
    <row r="316" spans="1:6" ht="14.1">
      <c r="A316" s="13"/>
      <c r="B316" s="22" t="str">
        <f>IF(Tbl_Dialogue[[#This Row],[Comment ID]]&lt;&gt;"",_xlfn.XLOOKUP(TEXT(Tbl_Dialogue[[#This Row],[Comment ID]],0),Tbl_Comments[Comment ID],Tbl_Comments[Comment],""),"")</f>
        <v/>
      </c>
      <c r="C316" s="9"/>
      <c r="D316" s="5"/>
      <c r="E316" s="6"/>
      <c r="F316" s="2"/>
    </row>
    <row r="317" spans="1:6" ht="14.1">
      <c r="A317" s="13"/>
      <c r="B317" s="22" t="str">
        <f>IF(Tbl_Dialogue[[#This Row],[Comment ID]]&lt;&gt;"",_xlfn.XLOOKUP(TEXT(Tbl_Dialogue[[#This Row],[Comment ID]],0),Tbl_Comments[Comment ID],Tbl_Comments[Comment],""),"")</f>
        <v/>
      </c>
      <c r="C317" s="9"/>
      <c r="D317" s="5"/>
      <c r="E317" s="6"/>
      <c r="F317" s="2"/>
    </row>
    <row r="318" spans="1:6" ht="14.1">
      <c r="A318" s="13"/>
      <c r="B318" s="22" t="str">
        <f>IF(Tbl_Dialogue[[#This Row],[Comment ID]]&lt;&gt;"",_xlfn.XLOOKUP(TEXT(Tbl_Dialogue[[#This Row],[Comment ID]],0),Tbl_Comments[Comment ID],Tbl_Comments[Comment],""),"")</f>
        <v/>
      </c>
      <c r="C318" s="9"/>
      <c r="D318" s="5"/>
      <c r="E318" s="6"/>
      <c r="F318" s="2"/>
    </row>
    <row r="319" spans="1:6" ht="14.1">
      <c r="A319" s="13"/>
      <c r="B319" s="22" t="str">
        <f>IF(Tbl_Dialogue[[#This Row],[Comment ID]]&lt;&gt;"",_xlfn.XLOOKUP(TEXT(Tbl_Dialogue[[#This Row],[Comment ID]],0),Tbl_Comments[Comment ID],Tbl_Comments[Comment],""),"")</f>
        <v/>
      </c>
      <c r="C319" s="9"/>
      <c r="D319" s="5"/>
      <c r="E319" s="6"/>
      <c r="F319" s="2"/>
    </row>
    <row r="320" spans="1:6" ht="14.1">
      <c r="A320" s="13"/>
      <c r="B320" s="22" t="str">
        <f>IF(Tbl_Dialogue[[#This Row],[Comment ID]]&lt;&gt;"",_xlfn.XLOOKUP(TEXT(Tbl_Dialogue[[#This Row],[Comment ID]],0),Tbl_Comments[Comment ID],Tbl_Comments[Comment],""),"")</f>
        <v/>
      </c>
      <c r="C320" s="9"/>
      <c r="D320" s="5"/>
      <c r="E320" s="6"/>
      <c r="F320" s="2"/>
    </row>
    <row r="321" spans="1:6" ht="14.1">
      <c r="A321" s="13"/>
      <c r="B321" s="22" t="str">
        <f>IF(Tbl_Dialogue[[#This Row],[Comment ID]]&lt;&gt;"",_xlfn.XLOOKUP(TEXT(Tbl_Dialogue[[#This Row],[Comment ID]],0),Tbl_Comments[Comment ID],Tbl_Comments[Comment],""),"")</f>
        <v/>
      </c>
      <c r="C321" s="9"/>
      <c r="D321" s="5"/>
      <c r="E321" s="6"/>
      <c r="F321" s="2"/>
    </row>
    <row r="322" spans="1:6" ht="14.1">
      <c r="A322" s="13"/>
      <c r="B322" s="22" t="str">
        <f>IF(Tbl_Dialogue[[#This Row],[Comment ID]]&lt;&gt;"",_xlfn.XLOOKUP(TEXT(Tbl_Dialogue[[#This Row],[Comment ID]],0),Tbl_Comments[Comment ID],Tbl_Comments[Comment],""),"")</f>
        <v/>
      </c>
      <c r="C322" s="9"/>
      <c r="D322" s="5"/>
      <c r="E322" s="6"/>
      <c r="F322" s="2"/>
    </row>
    <row r="323" spans="1:6" ht="14.1">
      <c r="A323" s="13"/>
      <c r="B323" s="22" t="str">
        <f>IF(Tbl_Dialogue[[#This Row],[Comment ID]]&lt;&gt;"",_xlfn.XLOOKUP(TEXT(Tbl_Dialogue[[#This Row],[Comment ID]],0),Tbl_Comments[Comment ID],Tbl_Comments[Comment],""),"")</f>
        <v/>
      </c>
      <c r="C323" s="9"/>
      <c r="D323" s="5"/>
      <c r="E323" s="6"/>
      <c r="F323" s="2"/>
    </row>
    <row r="324" spans="1:6" ht="14.1">
      <c r="A324" s="13"/>
      <c r="B324" s="22" t="str">
        <f>IF(Tbl_Dialogue[[#This Row],[Comment ID]]&lt;&gt;"",_xlfn.XLOOKUP(TEXT(Tbl_Dialogue[[#This Row],[Comment ID]],0),Tbl_Comments[Comment ID],Tbl_Comments[Comment],""),"")</f>
        <v/>
      </c>
      <c r="C324" s="9"/>
      <c r="D324" s="5"/>
      <c r="E324" s="6"/>
      <c r="F324" s="2"/>
    </row>
    <row r="325" spans="1:6" ht="14.1">
      <c r="A325" s="13"/>
      <c r="B325" s="22" t="str">
        <f>IF(Tbl_Dialogue[[#This Row],[Comment ID]]&lt;&gt;"",_xlfn.XLOOKUP(TEXT(Tbl_Dialogue[[#This Row],[Comment ID]],0),Tbl_Comments[Comment ID],Tbl_Comments[Comment],""),"")</f>
        <v/>
      </c>
      <c r="C325" s="9"/>
      <c r="D325" s="5"/>
      <c r="E325" s="6"/>
      <c r="F325" s="2"/>
    </row>
    <row r="326" spans="1:6" ht="14.1">
      <c r="A326" s="13"/>
      <c r="B326" s="22" t="str">
        <f>IF(Tbl_Dialogue[[#This Row],[Comment ID]]&lt;&gt;"",_xlfn.XLOOKUP(TEXT(Tbl_Dialogue[[#This Row],[Comment ID]],0),Tbl_Comments[Comment ID],Tbl_Comments[Comment],""),"")</f>
        <v/>
      </c>
      <c r="C326" s="9"/>
      <c r="D326" s="5"/>
      <c r="E326" s="6"/>
      <c r="F326" s="2"/>
    </row>
    <row r="327" spans="1:6" ht="14.1">
      <c r="A327" s="13"/>
      <c r="B327" s="22" t="str">
        <f>IF(Tbl_Dialogue[[#This Row],[Comment ID]]&lt;&gt;"",_xlfn.XLOOKUP(TEXT(Tbl_Dialogue[[#This Row],[Comment ID]],0),Tbl_Comments[Comment ID],Tbl_Comments[Comment],""),"")</f>
        <v/>
      </c>
      <c r="C327" s="9"/>
      <c r="D327" s="5"/>
      <c r="E327" s="6"/>
      <c r="F327" s="2"/>
    </row>
    <row r="328" spans="1:6" ht="14.1">
      <c r="A328" s="13"/>
      <c r="B328" s="22" t="str">
        <f>IF(Tbl_Dialogue[[#This Row],[Comment ID]]&lt;&gt;"",_xlfn.XLOOKUP(TEXT(Tbl_Dialogue[[#This Row],[Comment ID]],0),Tbl_Comments[Comment ID],Tbl_Comments[Comment],""),"")</f>
        <v/>
      </c>
      <c r="C328" s="9"/>
      <c r="D328" s="5"/>
      <c r="E328" s="6"/>
      <c r="F328" s="2"/>
    </row>
    <row r="329" spans="1:6" ht="14.1">
      <c r="A329" s="13"/>
      <c r="B329" s="22" t="str">
        <f>IF(Tbl_Dialogue[[#This Row],[Comment ID]]&lt;&gt;"",_xlfn.XLOOKUP(TEXT(Tbl_Dialogue[[#This Row],[Comment ID]],0),Tbl_Comments[Comment ID],Tbl_Comments[Comment],""),"")</f>
        <v/>
      </c>
      <c r="C329" s="9"/>
      <c r="D329" s="5"/>
      <c r="E329" s="6"/>
      <c r="F329" s="2"/>
    </row>
    <row r="330" spans="1:6" ht="14.1">
      <c r="A330" s="13"/>
      <c r="B330" s="22" t="str">
        <f>IF(Tbl_Dialogue[[#This Row],[Comment ID]]&lt;&gt;"",_xlfn.XLOOKUP(TEXT(Tbl_Dialogue[[#This Row],[Comment ID]],0),Tbl_Comments[Comment ID],Tbl_Comments[Comment],""),"")</f>
        <v/>
      </c>
      <c r="C330" s="9"/>
      <c r="D330" s="5"/>
      <c r="E330" s="6"/>
      <c r="F330" s="2"/>
    </row>
    <row r="331" spans="1:6" ht="14.1">
      <c r="A331" s="13"/>
      <c r="B331" s="22" t="str">
        <f>IF(Tbl_Dialogue[[#This Row],[Comment ID]]&lt;&gt;"",_xlfn.XLOOKUP(TEXT(Tbl_Dialogue[[#This Row],[Comment ID]],0),Tbl_Comments[Comment ID],Tbl_Comments[Comment],""),"")</f>
        <v/>
      </c>
      <c r="C331" s="9"/>
      <c r="D331" s="5"/>
      <c r="E331" s="6"/>
      <c r="F331" s="2"/>
    </row>
    <row r="332" spans="1:6" ht="14.1">
      <c r="A332" s="13"/>
      <c r="B332" s="22" t="str">
        <f>IF(Tbl_Dialogue[[#This Row],[Comment ID]]&lt;&gt;"",_xlfn.XLOOKUP(TEXT(Tbl_Dialogue[[#This Row],[Comment ID]],0),Tbl_Comments[Comment ID],Tbl_Comments[Comment],""),"")</f>
        <v/>
      </c>
      <c r="C332" s="9"/>
      <c r="D332" s="5"/>
      <c r="E332" s="6"/>
      <c r="F332" s="2"/>
    </row>
    <row r="333" spans="1:6" ht="14.1">
      <c r="A333" s="13"/>
      <c r="B333" s="22" t="str">
        <f>IF(Tbl_Dialogue[[#This Row],[Comment ID]]&lt;&gt;"",_xlfn.XLOOKUP(TEXT(Tbl_Dialogue[[#This Row],[Comment ID]],0),Tbl_Comments[Comment ID],Tbl_Comments[Comment],""),"")</f>
        <v/>
      </c>
      <c r="C333" s="9"/>
      <c r="D333" s="5"/>
      <c r="E333" s="6"/>
      <c r="F333" s="2"/>
    </row>
    <row r="334" spans="1:6" ht="14.1">
      <c r="A334" s="13"/>
      <c r="B334" s="22" t="str">
        <f>IF(Tbl_Dialogue[[#This Row],[Comment ID]]&lt;&gt;"",_xlfn.XLOOKUP(TEXT(Tbl_Dialogue[[#This Row],[Comment ID]],0),Tbl_Comments[Comment ID],Tbl_Comments[Comment],""),"")</f>
        <v/>
      </c>
      <c r="C334" s="9"/>
      <c r="D334" s="5"/>
      <c r="E334" s="6"/>
      <c r="F334" s="2"/>
    </row>
    <row r="335" spans="1:6" ht="14.1">
      <c r="A335" s="13"/>
      <c r="B335" s="22" t="str">
        <f>IF(Tbl_Dialogue[[#This Row],[Comment ID]]&lt;&gt;"",_xlfn.XLOOKUP(TEXT(Tbl_Dialogue[[#This Row],[Comment ID]],0),Tbl_Comments[Comment ID],Tbl_Comments[Comment],""),"")</f>
        <v/>
      </c>
      <c r="C335" s="9"/>
      <c r="D335" s="5"/>
      <c r="E335" s="6"/>
      <c r="F335" s="2"/>
    </row>
    <row r="336" spans="1:6" ht="14.1">
      <c r="A336" s="13"/>
      <c r="B336" s="22" t="str">
        <f>IF(Tbl_Dialogue[[#This Row],[Comment ID]]&lt;&gt;"",_xlfn.XLOOKUP(TEXT(Tbl_Dialogue[[#This Row],[Comment ID]],0),Tbl_Comments[Comment ID],Tbl_Comments[Comment],""),"")</f>
        <v/>
      </c>
      <c r="C336" s="9"/>
      <c r="D336" s="5"/>
      <c r="E336" s="6"/>
      <c r="F336" s="2"/>
    </row>
    <row r="337" spans="1:6" ht="14.1">
      <c r="A337" s="13"/>
      <c r="B337" s="22" t="str">
        <f>IF(Tbl_Dialogue[[#This Row],[Comment ID]]&lt;&gt;"",_xlfn.XLOOKUP(TEXT(Tbl_Dialogue[[#This Row],[Comment ID]],0),Tbl_Comments[Comment ID],Tbl_Comments[Comment],""),"")</f>
        <v/>
      </c>
      <c r="C337" s="9"/>
      <c r="D337" s="5"/>
      <c r="E337" s="6"/>
      <c r="F337" s="2"/>
    </row>
    <row r="338" spans="1:6" ht="14.1">
      <c r="A338" s="13"/>
      <c r="B338" s="22" t="str">
        <f>IF(Tbl_Dialogue[[#This Row],[Comment ID]]&lt;&gt;"",_xlfn.XLOOKUP(TEXT(Tbl_Dialogue[[#This Row],[Comment ID]],0),Tbl_Comments[Comment ID],Tbl_Comments[Comment],""),"")</f>
        <v/>
      </c>
      <c r="C338" s="9"/>
      <c r="D338" s="5"/>
      <c r="E338" s="6"/>
      <c r="F338" s="2"/>
    </row>
    <row r="339" spans="1:6" ht="14.1">
      <c r="A339" s="13"/>
      <c r="B339" s="22" t="str">
        <f>IF(Tbl_Dialogue[[#This Row],[Comment ID]]&lt;&gt;"",_xlfn.XLOOKUP(TEXT(Tbl_Dialogue[[#This Row],[Comment ID]],0),Tbl_Comments[Comment ID],Tbl_Comments[Comment],""),"")</f>
        <v/>
      </c>
      <c r="C339" s="9"/>
      <c r="D339" s="5"/>
      <c r="E339" s="6"/>
      <c r="F339" s="2"/>
    </row>
    <row r="340" spans="1:6" ht="14.1">
      <c r="A340" s="13"/>
      <c r="B340" s="22" t="str">
        <f>IF(Tbl_Dialogue[[#This Row],[Comment ID]]&lt;&gt;"",_xlfn.XLOOKUP(TEXT(Tbl_Dialogue[[#This Row],[Comment ID]],0),Tbl_Comments[Comment ID],Tbl_Comments[Comment],""),"")</f>
        <v/>
      </c>
      <c r="C340" s="9"/>
      <c r="D340" s="5"/>
      <c r="E340" s="6"/>
      <c r="F340" s="2"/>
    </row>
    <row r="341" spans="1:6" ht="14.1">
      <c r="A341" s="13"/>
      <c r="B341" s="22" t="str">
        <f>IF(Tbl_Dialogue[[#This Row],[Comment ID]]&lt;&gt;"",_xlfn.XLOOKUP(TEXT(Tbl_Dialogue[[#This Row],[Comment ID]],0),Tbl_Comments[Comment ID],Tbl_Comments[Comment],""),"")</f>
        <v/>
      </c>
      <c r="C341" s="9"/>
      <c r="D341" s="5"/>
      <c r="E341" s="6"/>
      <c r="F341" s="2"/>
    </row>
    <row r="342" spans="1:6" ht="14.1">
      <c r="A342" s="13"/>
      <c r="B342" s="22" t="str">
        <f>IF(Tbl_Dialogue[[#This Row],[Comment ID]]&lt;&gt;"",_xlfn.XLOOKUP(TEXT(Tbl_Dialogue[[#This Row],[Comment ID]],0),Tbl_Comments[Comment ID],Tbl_Comments[Comment],""),"")</f>
        <v/>
      </c>
      <c r="C342" s="9"/>
      <c r="D342" s="5"/>
      <c r="E342" s="6"/>
      <c r="F342" s="2"/>
    </row>
    <row r="343" spans="1:6" ht="14.1">
      <c r="A343" s="13"/>
      <c r="B343" s="22" t="str">
        <f>IF(Tbl_Dialogue[[#This Row],[Comment ID]]&lt;&gt;"",_xlfn.XLOOKUP(TEXT(Tbl_Dialogue[[#This Row],[Comment ID]],0),Tbl_Comments[Comment ID],Tbl_Comments[Comment],""),"")</f>
        <v/>
      </c>
      <c r="C343" s="9"/>
      <c r="D343" s="5"/>
      <c r="E343" s="6"/>
      <c r="F343" s="2"/>
    </row>
    <row r="344" spans="1:6" ht="14.1">
      <c r="A344" s="13"/>
      <c r="B344" s="22" t="str">
        <f>IF(Tbl_Dialogue[[#This Row],[Comment ID]]&lt;&gt;"",_xlfn.XLOOKUP(TEXT(Tbl_Dialogue[[#This Row],[Comment ID]],0),Tbl_Comments[Comment ID],Tbl_Comments[Comment],""),"")</f>
        <v/>
      </c>
      <c r="C344" s="9"/>
      <c r="D344" s="5"/>
      <c r="E344" s="6"/>
      <c r="F344" s="2"/>
    </row>
    <row r="345" spans="1:6" ht="14.1">
      <c r="A345" s="13"/>
      <c r="B345" s="22" t="str">
        <f>IF(Tbl_Dialogue[[#This Row],[Comment ID]]&lt;&gt;"",_xlfn.XLOOKUP(TEXT(Tbl_Dialogue[[#This Row],[Comment ID]],0),Tbl_Comments[Comment ID],Tbl_Comments[Comment],""),"")</f>
        <v/>
      </c>
      <c r="C345" s="9"/>
      <c r="D345" s="5"/>
      <c r="E345" s="6"/>
      <c r="F345" s="2"/>
    </row>
    <row r="346" spans="1:6" ht="14.1">
      <c r="A346" s="13"/>
      <c r="B346" s="22" t="str">
        <f>IF(Tbl_Dialogue[[#This Row],[Comment ID]]&lt;&gt;"",_xlfn.XLOOKUP(TEXT(Tbl_Dialogue[[#This Row],[Comment ID]],0),Tbl_Comments[Comment ID],Tbl_Comments[Comment],""),"")</f>
        <v/>
      </c>
      <c r="C346" s="9"/>
      <c r="D346" s="5"/>
      <c r="E346" s="6"/>
      <c r="F346" s="2"/>
    </row>
    <row r="347" spans="1:6" ht="14.1">
      <c r="A347" s="13"/>
      <c r="B347" s="22" t="str">
        <f>IF(Tbl_Dialogue[[#This Row],[Comment ID]]&lt;&gt;"",_xlfn.XLOOKUP(TEXT(Tbl_Dialogue[[#This Row],[Comment ID]],0),Tbl_Comments[Comment ID],Tbl_Comments[Comment],""),"")</f>
        <v/>
      </c>
      <c r="C347" s="9"/>
      <c r="D347" s="5"/>
      <c r="E347" s="6"/>
      <c r="F347" s="2"/>
    </row>
    <row r="348" spans="1:6" ht="14.1">
      <c r="A348" s="13"/>
      <c r="B348" s="22" t="str">
        <f>IF(Tbl_Dialogue[[#This Row],[Comment ID]]&lt;&gt;"",_xlfn.XLOOKUP(TEXT(Tbl_Dialogue[[#This Row],[Comment ID]],0),Tbl_Comments[Comment ID],Tbl_Comments[Comment],""),"")</f>
        <v/>
      </c>
      <c r="C348" s="9"/>
      <c r="D348" s="5"/>
      <c r="E348" s="6"/>
      <c r="F348" s="2"/>
    </row>
    <row r="349" spans="1:6" ht="14.1">
      <c r="A349" s="13"/>
      <c r="B349" s="22" t="str">
        <f>IF(Tbl_Dialogue[[#This Row],[Comment ID]]&lt;&gt;"",_xlfn.XLOOKUP(TEXT(Tbl_Dialogue[[#This Row],[Comment ID]],0),Tbl_Comments[Comment ID],Tbl_Comments[Comment],""),"")</f>
        <v/>
      </c>
      <c r="C349" s="9"/>
      <c r="D349" s="5"/>
      <c r="E349" s="6"/>
      <c r="F349" s="2"/>
    </row>
    <row r="350" spans="1:6" ht="14.1">
      <c r="A350" s="13"/>
      <c r="B350" s="22" t="str">
        <f>IF(Tbl_Dialogue[[#This Row],[Comment ID]]&lt;&gt;"",_xlfn.XLOOKUP(TEXT(Tbl_Dialogue[[#This Row],[Comment ID]],0),Tbl_Comments[Comment ID],Tbl_Comments[Comment],""),"")</f>
        <v/>
      </c>
      <c r="C350" s="9"/>
      <c r="D350" s="5"/>
      <c r="E350" s="6"/>
      <c r="F350" s="2"/>
    </row>
    <row r="351" spans="1:6" ht="14.1">
      <c r="A351" s="13"/>
      <c r="B351" s="22" t="str">
        <f>IF(Tbl_Dialogue[[#This Row],[Comment ID]]&lt;&gt;"",_xlfn.XLOOKUP(TEXT(Tbl_Dialogue[[#This Row],[Comment ID]],0),Tbl_Comments[Comment ID],Tbl_Comments[Comment],""),"")</f>
        <v/>
      </c>
      <c r="C351" s="9"/>
      <c r="D351" s="5"/>
      <c r="E351" s="6"/>
      <c r="F351" s="2"/>
    </row>
    <row r="352" spans="1:6" ht="14.1">
      <c r="A352" s="13"/>
      <c r="B352" s="22" t="str">
        <f>IF(Tbl_Dialogue[[#This Row],[Comment ID]]&lt;&gt;"",_xlfn.XLOOKUP(TEXT(Tbl_Dialogue[[#This Row],[Comment ID]],0),Tbl_Comments[Comment ID],Tbl_Comments[Comment],""),"")</f>
        <v/>
      </c>
      <c r="C352" s="9"/>
      <c r="D352" s="5"/>
      <c r="E352" s="6"/>
      <c r="F352" s="2"/>
    </row>
    <row r="353" spans="1:6" ht="14.1">
      <c r="A353" s="13"/>
      <c r="B353" s="22" t="str">
        <f>IF(Tbl_Dialogue[[#This Row],[Comment ID]]&lt;&gt;"",_xlfn.XLOOKUP(TEXT(Tbl_Dialogue[[#This Row],[Comment ID]],0),Tbl_Comments[Comment ID],Tbl_Comments[Comment],""),"")</f>
        <v/>
      </c>
      <c r="C353" s="9"/>
      <c r="D353" s="5"/>
      <c r="E353" s="6"/>
      <c r="F353" s="2"/>
    </row>
    <row r="354" spans="1:6" ht="14.1">
      <c r="A354" s="13"/>
      <c r="B354" s="22" t="str">
        <f>IF(Tbl_Dialogue[[#This Row],[Comment ID]]&lt;&gt;"",_xlfn.XLOOKUP(TEXT(Tbl_Dialogue[[#This Row],[Comment ID]],0),Tbl_Comments[Comment ID],Tbl_Comments[Comment],""),"")</f>
        <v/>
      </c>
      <c r="C354" s="9"/>
      <c r="D354" s="5"/>
      <c r="E354" s="6"/>
      <c r="F354" s="2"/>
    </row>
    <row r="355" spans="1:6" ht="14.1">
      <c r="A355" s="13"/>
      <c r="B355" s="22" t="str">
        <f>IF(Tbl_Dialogue[[#This Row],[Comment ID]]&lt;&gt;"",_xlfn.XLOOKUP(TEXT(Tbl_Dialogue[[#This Row],[Comment ID]],0),Tbl_Comments[Comment ID],Tbl_Comments[Comment],""),"")</f>
        <v/>
      </c>
      <c r="C355" s="9"/>
      <c r="D355" s="5"/>
      <c r="E355" s="6"/>
      <c r="F355" s="2"/>
    </row>
    <row r="356" spans="1:6" ht="14.1">
      <c r="A356" s="13"/>
      <c r="B356" s="22" t="str">
        <f>IF(Tbl_Dialogue[[#This Row],[Comment ID]]&lt;&gt;"",_xlfn.XLOOKUP(TEXT(Tbl_Dialogue[[#This Row],[Comment ID]],0),Tbl_Comments[Comment ID],Tbl_Comments[Comment],""),"")</f>
        <v/>
      </c>
      <c r="C356" s="9"/>
      <c r="D356" s="5"/>
      <c r="E356" s="6"/>
      <c r="F356" s="2"/>
    </row>
    <row r="357" spans="1:6" ht="14.1">
      <c r="A357" s="13"/>
      <c r="B357" s="22" t="str">
        <f>IF(Tbl_Dialogue[[#This Row],[Comment ID]]&lt;&gt;"",_xlfn.XLOOKUP(TEXT(Tbl_Dialogue[[#This Row],[Comment ID]],0),Tbl_Comments[Comment ID],Tbl_Comments[Comment],""),"")</f>
        <v/>
      </c>
      <c r="C357" s="9"/>
      <c r="D357" s="5"/>
      <c r="E357" s="6"/>
      <c r="F357" s="2"/>
    </row>
    <row r="358" spans="1:6" ht="14.1">
      <c r="A358" s="13"/>
      <c r="B358" s="22" t="str">
        <f>IF(Tbl_Dialogue[[#This Row],[Comment ID]]&lt;&gt;"",_xlfn.XLOOKUP(TEXT(Tbl_Dialogue[[#This Row],[Comment ID]],0),Tbl_Comments[Comment ID],Tbl_Comments[Comment],""),"")</f>
        <v/>
      </c>
      <c r="C358" s="9"/>
      <c r="D358" s="5"/>
      <c r="E358" s="6"/>
      <c r="F358" s="2"/>
    </row>
    <row r="359" spans="1:6" ht="14.1">
      <c r="A359" s="13"/>
      <c r="B359" s="22" t="str">
        <f>IF(Tbl_Dialogue[[#This Row],[Comment ID]]&lt;&gt;"",_xlfn.XLOOKUP(TEXT(Tbl_Dialogue[[#This Row],[Comment ID]],0),Tbl_Comments[Comment ID],Tbl_Comments[Comment],""),"")</f>
        <v/>
      </c>
      <c r="C359" s="9"/>
      <c r="D359" s="5"/>
      <c r="E359" s="6"/>
      <c r="F359" s="2"/>
    </row>
    <row r="360" spans="1:6" ht="14.1">
      <c r="A360" s="13"/>
      <c r="B360" s="22" t="str">
        <f>IF(Tbl_Dialogue[[#This Row],[Comment ID]]&lt;&gt;"",_xlfn.XLOOKUP(TEXT(Tbl_Dialogue[[#This Row],[Comment ID]],0),Tbl_Comments[Comment ID],Tbl_Comments[Comment],""),"")</f>
        <v/>
      </c>
      <c r="C360" s="9"/>
      <c r="D360" s="5"/>
      <c r="E360" s="6"/>
      <c r="F360" s="2"/>
    </row>
    <row r="361" spans="1:6" ht="14.1">
      <c r="A361" s="13"/>
      <c r="B361" s="22" t="str">
        <f>IF(Tbl_Dialogue[[#This Row],[Comment ID]]&lt;&gt;"",_xlfn.XLOOKUP(TEXT(Tbl_Dialogue[[#This Row],[Comment ID]],0),Tbl_Comments[Comment ID],Tbl_Comments[Comment],""),"")</f>
        <v/>
      </c>
      <c r="C361" s="9"/>
      <c r="D361" s="5"/>
      <c r="E361" s="6"/>
      <c r="F361" s="2"/>
    </row>
    <row r="362" spans="1:6" ht="14.1">
      <c r="A362" s="13"/>
      <c r="B362" s="22" t="str">
        <f>IF(Tbl_Dialogue[[#This Row],[Comment ID]]&lt;&gt;"",_xlfn.XLOOKUP(TEXT(Tbl_Dialogue[[#This Row],[Comment ID]],0),Tbl_Comments[Comment ID],Tbl_Comments[Comment],""),"")</f>
        <v/>
      </c>
      <c r="C362" s="9"/>
      <c r="D362" s="5"/>
      <c r="E362" s="6"/>
      <c r="F362" s="2"/>
    </row>
    <row r="363" spans="1:6" ht="14.1">
      <c r="A363" s="13"/>
      <c r="B363" s="22" t="str">
        <f>IF(Tbl_Dialogue[[#This Row],[Comment ID]]&lt;&gt;"",_xlfn.XLOOKUP(TEXT(Tbl_Dialogue[[#This Row],[Comment ID]],0),Tbl_Comments[Comment ID],Tbl_Comments[Comment],""),"")</f>
        <v/>
      </c>
      <c r="C363" s="9"/>
      <c r="D363" s="5"/>
      <c r="E363" s="6"/>
      <c r="F363" s="2"/>
    </row>
    <row r="364" spans="1:6" ht="14.1">
      <c r="A364" s="13"/>
      <c r="B364" s="22" t="str">
        <f>IF(Tbl_Dialogue[[#This Row],[Comment ID]]&lt;&gt;"",_xlfn.XLOOKUP(TEXT(Tbl_Dialogue[[#This Row],[Comment ID]],0),Tbl_Comments[Comment ID],Tbl_Comments[Comment],""),"")</f>
        <v/>
      </c>
      <c r="C364" s="9"/>
      <c r="D364" s="5"/>
      <c r="E364" s="6"/>
      <c r="F364" s="2"/>
    </row>
    <row r="365" spans="1:6" ht="14.1">
      <c r="A365" s="13"/>
      <c r="B365" s="22" t="str">
        <f>IF(Tbl_Dialogue[[#This Row],[Comment ID]]&lt;&gt;"",_xlfn.XLOOKUP(TEXT(Tbl_Dialogue[[#This Row],[Comment ID]],0),Tbl_Comments[Comment ID],Tbl_Comments[Comment],""),"")</f>
        <v/>
      </c>
      <c r="C365" s="9"/>
      <c r="D365" s="5"/>
      <c r="E365" s="6"/>
      <c r="F365" s="2"/>
    </row>
    <row r="366" spans="1:6" ht="14.1">
      <c r="A366" s="13"/>
      <c r="B366" s="22" t="str">
        <f>IF(Tbl_Dialogue[[#This Row],[Comment ID]]&lt;&gt;"",_xlfn.XLOOKUP(TEXT(Tbl_Dialogue[[#This Row],[Comment ID]],0),Tbl_Comments[Comment ID],Tbl_Comments[Comment],""),"")</f>
        <v/>
      </c>
      <c r="C366" s="9"/>
      <c r="D366" s="5"/>
      <c r="E366" s="6"/>
      <c r="F366" s="2"/>
    </row>
    <row r="367" spans="1:6" ht="14.1">
      <c r="A367" s="13"/>
      <c r="B367" s="22" t="str">
        <f>IF(Tbl_Dialogue[[#This Row],[Comment ID]]&lt;&gt;"",_xlfn.XLOOKUP(TEXT(Tbl_Dialogue[[#This Row],[Comment ID]],0),Tbl_Comments[Comment ID],Tbl_Comments[Comment],""),"")</f>
        <v/>
      </c>
      <c r="C367" s="9"/>
      <c r="D367" s="5"/>
      <c r="E367" s="6"/>
      <c r="F367" s="2"/>
    </row>
    <row r="368" spans="1:6" ht="14.1">
      <c r="A368" s="13"/>
      <c r="B368" s="22" t="str">
        <f>IF(Tbl_Dialogue[[#This Row],[Comment ID]]&lt;&gt;"",_xlfn.XLOOKUP(TEXT(Tbl_Dialogue[[#This Row],[Comment ID]],0),Tbl_Comments[Comment ID],Tbl_Comments[Comment],""),"")</f>
        <v/>
      </c>
      <c r="C368" s="9"/>
      <c r="D368" s="5"/>
      <c r="E368" s="6"/>
      <c r="F368" s="2"/>
    </row>
    <row r="369" spans="1:6" ht="14.1">
      <c r="A369" s="13"/>
      <c r="B369" s="22" t="str">
        <f>IF(Tbl_Dialogue[[#This Row],[Comment ID]]&lt;&gt;"",_xlfn.XLOOKUP(TEXT(Tbl_Dialogue[[#This Row],[Comment ID]],0),Tbl_Comments[Comment ID],Tbl_Comments[Comment],""),"")</f>
        <v/>
      </c>
      <c r="C369" s="9"/>
      <c r="D369" s="5"/>
      <c r="E369" s="6"/>
      <c r="F369" s="2"/>
    </row>
    <row r="370" spans="1:6" ht="14.1">
      <c r="A370" s="13"/>
      <c r="B370" s="22" t="str">
        <f>IF(Tbl_Dialogue[[#This Row],[Comment ID]]&lt;&gt;"",_xlfn.XLOOKUP(TEXT(Tbl_Dialogue[[#This Row],[Comment ID]],0),Tbl_Comments[Comment ID],Tbl_Comments[Comment],""),"")</f>
        <v/>
      </c>
      <c r="C370" s="9"/>
      <c r="D370" s="5"/>
      <c r="E370" s="6"/>
      <c r="F370" s="2"/>
    </row>
    <row r="371" spans="1:6" ht="14.1">
      <c r="A371" s="13"/>
      <c r="B371" s="22" t="str">
        <f>IF(Tbl_Dialogue[[#This Row],[Comment ID]]&lt;&gt;"",_xlfn.XLOOKUP(TEXT(Tbl_Dialogue[[#This Row],[Comment ID]],0),Tbl_Comments[Comment ID],Tbl_Comments[Comment],""),"")</f>
        <v/>
      </c>
      <c r="C371" s="9"/>
      <c r="D371" s="5"/>
      <c r="E371" s="6"/>
      <c r="F371" s="2"/>
    </row>
    <row r="372" spans="1:6" ht="14.1">
      <c r="A372" s="13"/>
      <c r="B372" s="22" t="str">
        <f>IF(Tbl_Dialogue[[#This Row],[Comment ID]]&lt;&gt;"",_xlfn.XLOOKUP(TEXT(Tbl_Dialogue[[#This Row],[Comment ID]],0),Tbl_Comments[Comment ID],Tbl_Comments[Comment],""),"")</f>
        <v/>
      </c>
      <c r="C372" s="9"/>
      <c r="D372" s="5"/>
      <c r="E372" s="6"/>
      <c r="F372" s="2"/>
    </row>
    <row r="373" spans="1:6" ht="14.1">
      <c r="A373" s="13"/>
      <c r="B373" s="22" t="str">
        <f>IF(Tbl_Dialogue[[#This Row],[Comment ID]]&lt;&gt;"",_xlfn.XLOOKUP(TEXT(Tbl_Dialogue[[#This Row],[Comment ID]],0),Tbl_Comments[Comment ID],Tbl_Comments[Comment],""),"")</f>
        <v/>
      </c>
      <c r="C373" s="9"/>
      <c r="D373" s="5"/>
      <c r="E373" s="6"/>
      <c r="F373" s="2"/>
    </row>
    <row r="374" spans="1:6" ht="14.1">
      <c r="A374" s="13"/>
      <c r="B374" s="22" t="str">
        <f>IF(Tbl_Dialogue[[#This Row],[Comment ID]]&lt;&gt;"",_xlfn.XLOOKUP(TEXT(Tbl_Dialogue[[#This Row],[Comment ID]],0),Tbl_Comments[Comment ID],Tbl_Comments[Comment],""),"")</f>
        <v/>
      </c>
      <c r="C374" s="9"/>
      <c r="D374" s="5"/>
      <c r="E374" s="6"/>
      <c r="F374" s="2"/>
    </row>
    <row r="375" spans="1:6" ht="14.1">
      <c r="A375" s="13"/>
      <c r="B375" s="22" t="str">
        <f>IF(Tbl_Dialogue[[#This Row],[Comment ID]]&lt;&gt;"",_xlfn.XLOOKUP(TEXT(Tbl_Dialogue[[#This Row],[Comment ID]],0),Tbl_Comments[Comment ID],Tbl_Comments[Comment],""),"")</f>
        <v/>
      </c>
      <c r="C375" s="9"/>
      <c r="D375" s="5"/>
      <c r="E375" s="6"/>
      <c r="F375" s="2"/>
    </row>
    <row r="376" spans="1:6" ht="14.1">
      <c r="A376" s="13"/>
      <c r="B376" s="22" t="str">
        <f>IF(Tbl_Dialogue[[#This Row],[Comment ID]]&lt;&gt;"",_xlfn.XLOOKUP(TEXT(Tbl_Dialogue[[#This Row],[Comment ID]],0),Tbl_Comments[Comment ID],Tbl_Comments[Comment],""),"")</f>
        <v/>
      </c>
      <c r="C376" s="9"/>
      <c r="D376" s="5"/>
      <c r="E376" s="6"/>
      <c r="F376" s="2"/>
    </row>
    <row r="377" spans="1:6" ht="14.1">
      <c r="A377" s="13"/>
      <c r="B377" s="22" t="str">
        <f>IF(Tbl_Dialogue[[#This Row],[Comment ID]]&lt;&gt;"",_xlfn.XLOOKUP(TEXT(Tbl_Dialogue[[#This Row],[Comment ID]],0),Tbl_Comments[Comment ID],Tbl_Comments[Comment],""),"")</f>
        <v/>
      </c>
      <c r="C377" s="9"/>
      <c r="D377" s="5"/>
      <c r="E377" s="6"/>
      <c r="F377" s="2"/>
    </row>
    <row r="378" spans="1:6" ht="14.1">
      <c r="A378" s="13"/>
      <c r="B378" s="22" t="str">
        <f>IF(Tbl_Dialogue[[#This Row],[Comment ID]]&lt;&gt;"",_xlfn.XLOOKUP(TEXT(Tbl_Dialogue[[#This Row],[Comment ID]],0),Tbl_Comments[Comment ID],Tbl_Comments[Comment],""),"")</f>
        <v/>
      </c>
      <c r="C378" s="9"/>
      <c r="D378" s="5"/>
      <c r="E378" s="6"/>
      <c r="F378" s="2"/>
    </row>
    <row r="379" spans="1:6" ht="14.1">
      <c r="A379" s="13"/>
      <c r="B379" s="22" t="str">
        <f>IF(Tbl_Dialogue[[#This Row],[Comment ID]]&lt;&gt;"",_xlfn.XLOOKUP(TEXT(Tbl_Dialogue[[#This Row],[Comment ID]],0),Tbl_Comments[Comment ID],Tbl_Comments[Comment],""),"")</f>
        <v/>
      </c>
      <c r="C379" s="9"/>
      <c r="D379" s="5"/>
      <c r="E379" s="6"/>
      <c r="F379" s="2"/>
    </row>
    <row r="380" spans="1:6" ht="14.1">
      <c r="A380" s="13"/>
      <c r="B380" s="22" t="str">
        <f>IF(Tbl_Dialogue[[#This Row],[Comment ID]]&lt;&gt;"",_xlfn.XLOOKUP(TEXT(Tbl_Dialogue[[#This Row],[Comment ID]],0),Tbl_Comments[Comment ID],Tbl_Comments[Comment],""),"")</f>
        <v/>
      </c>
      <c r="C380" s="9"/>
      <c r="D380" s="5"/>
      <c r="E380" s="6"/>
      <c r="F380" s="2"/>
    </row>
    <row r="381" spans="1:6" ht="14.1">
      <c r="A381" s="13"/>
      <c r="B381" s="22" t="str">
        <f>IF(Tbl_Dialogue[[#This Row],[Comment ID]]&lt;&gt;"",_xlfn.XLOOKUP(TEXT(Tbl_Dialogue[[#This Row],[Comment ID]],0),Tbl_Comments[Comment ID],Tbl_Comments[Comment],""),"")</f>
        <v/>
      </c>
      <c r="C381" s="9"/>
      <c r="D381" s="5"/>
      <c r="E381" s="6"/>
      <c r="F381" s="2"/>
    </row>
    <row r="382" spans="1:6" ht="14.1">
      <c r="A382" s="13"/>
      <c r="B382" s="22" t="str">
        <f>IF(Tbl_Dialogue[[#This Row],[Comment ID]]&lt;&gt;"",_xlfn.XLOOKUP(TEXT(Tbl_Dialogue[[#This Row],[Comment ID]],0),Tbl_Comments[Comment ID],Tbl_Comments[Comment],""),"")</f>
        <v/>
      </c>
      <c r="C382" s="9"/>
      <c r="D382" s="5"/>
      <c r="E382" s="6"/>
      <c r="F382" s="2"/>
    </row>
    <row r="383" spans="1:6" ht="14.1">
      <c r="A383" s="13"/>
      <c r="B383" s="22" t="str">
        <f>IF(Tbl_Dialogue[[#This Row],[Comment ID]]&lt;&gt;"",_xlfn.XLOOKUP(TEXT(Tbl_Dialogue[[#This Row],[Comment ID]],0),Tbl_Comments[Comment ID],Tbl_Comments[Comment],""),"")</f>
        <v/>
      </c>
      <c r="C383" s="9"/>
      <c r="D383" s="5"/>
      <c r="E383" s="6"/>
      <c r="F383" s="2"/>
    </row>
    <row r="384" spans="1:6" ht="14.1">
      <c r="A384" s="13"/>
      <c r="B384" s="22" t="str">
        <f>IF(Tbl_Dialogue[[#This Row],[Comment ID]]&lt;&gt;"",_xlfn.XLOOKUP(TEXT(Tbl_Dialogue[[#This Row],[Comment ID]],0),Tbl_Comments[Comment ID],Tbl_Comments[Comment],""),"")</f>
        <v/>
      </c>
      <c r="C384" s="9"/>
      <c r="D384" s="5"/>
      <c r="E384" s="6"/>
      <c r="F384" s="2"/>
    </row>
    <row r="385" spans="1:6" ht="14.1">
      <c r="A385" s="13"/>
      <c r="B385" s="22" t="str">
        <f>IF(Tbl_Dialogue[[#This Row],[Comment ID]]&lt;&gt;"",_xlfn.XLOOKUP(TEXT(Tbl_Dialogue[[#This Row],[Comment ID]],0),Tbl_Comments[Comment ID],Tbl_Comments[Comment],""),"")</f>
        <v/>
      </c>
      <c r="C385" s="9"/>
      <c r="D385" s="5"/>
      <c r="E385" s="6"/>
      <c r="F385" s="2"/>
    </row>
    <row r="386" spans="1:6" ht="14.1">
      <c r="A386" s="13"/>
      <c r="B386" s="22" t="str">
        <f>IF(Tbl_Dialogue[[#This Row],[Comment ID]]&lt;&gt;"",_xlfn.XLOOKUP(TEXT(Tbl_Dialogue[[#This Row],[Comment ID]],0),Tbl_Comments[Comment ID],Tbl_Comments[Comment],""),"")</f>
        <v/>
      </c>
      <c r="C386" s="9"/>
      <c r="D386" s="5"/>
      <c r="E386" s="6"/>
      <c r="F386" s="2"/>
    </row>
    <row r="387" spans="1:6" ht="14.1">
      <c r="A387" s="13"/>
      <c r="B387" s="22" t="str">
        <f>IF(Tbl_Dialogue[[#This Row],[Comment ID]]&lt;&gt;"",_xlfn.XLOOKUP(TEXT(Tbl_Dialogue[[#This Row],[Comment ID]],0),Tbl_Comments[Comment ID],Tbl_Comments[Comment],""),"")</f>
        <v/>
      </c>
      <c r="C387" s="9"/>
      <c r="D387" s="5"/>
      <c r="E387" s="6"/>
      <c r="F387" s="2"/>
    </row>
    <row r="388" spans="1:6" ht="14.1">
      <c r="A388" s="13"/>
      <c r="B388" s="22" t="str">
        <f>IF(Tbl_Dialogue[[#This Row],[Comment ID]]&lt;&gt;"",_xlfn.XLOOKUP(TEXT(Tbl_Dialogue[[#This Row],[Comment ID]],0),Tbl_Comments[Comment ID],Tbl_Comments[Comment],""),"")</f>
        <v/>
      </c>
      <c r="C388" s="9"/>
      <c r="D388" s="5"/>
      <c r="E388" s="6"/>
      <c r="F388" s="2"/>
    </row>
    <row r="389" spans="1:6" ht="14.1">
      <c r="A389" s="13"/>
      <c r="B389" s="22" t="str">
        <f>IF(Tbl_Dialogue[[#This Row],[Comment ID]]&lt;&gt;"",_xlfn.XLOOKUP(TEXT(Tbl_Dialogue[[#This Row],[Comment ID]],0),Tbl_Comments[Comment ID],Tbl_Comments[Comment],""),"")</f>
        <v/>
      </c>
      <c r="C389" s="9"/>
      <c r="D389" s="5"/>
      <c r="E389" s="6"/>
      <c r="F389" s="2"/>
    </row>
    <row r="390" spans="1:6" ht="14.1">
      <c r="A390" s="13"/>
      <c r="B390" s="22" t="str">
        <f>IF(Tbl_Dialogue[[#This Row],[Comment ID]]&lt;&gt;"",_xlfn.XLOOKUP(TEXT(Tbl_Dialogue[[#This Row],[Comment ID]],0),Tbl_Comments[Comment ID],Tbl_Comments[Comment],""),"")</f>
        <v/>
      </c>
      <c r="C390" s="9"/>
      <c r="D390" s="5"/>
      <c r="E390" s="6"/>
      <c r="F390" s="2"/>
    </row>
    <row r="391" spans="1:6" ht="14.1">
      <c r="A391" s="13"/>
      <c r="B391" s="22" t="str">
        <f>IF(Tbl_Dialogue[[#This Row],[Comment ID]]&lt;&gt;"",_xlfn.XLOOKUP(TEXT(Tbl_Dialogue[[#This Row],[Comment ID]],0),Tbl_Comments[Comment ID],Tbl_Comments[Comment],""),"")</f>
        <v/>
      </c>
      <c r="C391" s="9"/>
      <c r="D391" s="5"/>
      <c r="E391" s="6"/>
      <c r="F391" s="2"/>
    </row>
    <row r="392" spans="1:6" ht="14.1">
      <c r="A392" s="13"/>
      <c r="B392" s="22" t="str">
        <f>IF(Tbl_Dialogue[[#This Row],[Comment ID]]&lt;&gt;"",_xlfn.XLOOKUP(TEXT(Tbl_Dialogue[[#This Row],[Comment ID]],0),Tbl_Comments[Comment ID],Tbl_Comments[Comment],""),"")</f>
        <v/>
      </c>
      <c r="C392" s="9"/>
      <c r="D392" s="5"/>
      <c r="E392" s="6"/>
      <c r="F392" s="2"/>
    </row>
    <row r="393" spans="1:6" ht="14.1">
      <c r="A393" s="13"/>
      <c r="B393" s="22" t="str">
        <f>IF(Tbl_Dialogue[[#This Row],[Comment ID]]&lt;&gt;"",_xlfn.XLOOKUP(TEXT(Tbl_Dialogue[[#This Row],[Comment ID]],0),Tbl_Comments[Comment ID],Tbl_Comments[Comment],""),"")</f>
        <v/>
      </c>
      <c r="C393" s="9"/>
      <c r="D393" s="5"/>
      <c r="E393" s="6"/>
      <c r="F393" s="2"/>
    </row>
    <row r="394" spans="1:6" ht="14.1">
      <c r="A394" s="13"/>
      <c r="B394" s="22" t="str">
        <f>IF(Tbl_Dialogue[[#This Row],[Comment ID]]&lt;&gt;"",_xlfn.XLOOKUP(TEXT(Tbl_Dialogue[[#This Row],[Comment ID]],0),Tbl_Comments[Comment ID],Tbl_Comments[Comment],""),"")</f>
        <v/>
      </c>
      <c r="C394" s="9"/>
      <c r="D394" s="5"/>
      <c r="E394" s="6"/>
      <c r="F394" s="2"/>
    </row>
    <row r="395" spans="1:6" ht="14.1">
      <c r="A395" s="13"/>
      <c r="B395" s="22" t="str">
        <f>IF(Tbl_Dialogue[[#This Row],[Comment ID]]&lt;&gt;"",_xlfn.XLOOKUP(TEXT(Tbl_Dialogue[[#This Row],[Comment ID]],0),Tbl_Comments[Comment ID],Tbl_Comments[Comment],""),"")</f>
        <v/>
      </c>
      <c r="C395" s="9"/>
      <c r="D395" s="5"/>
      <c r="E395" s="6"/>
      <c r="F395" s="2"/>
    </row>
    <row r="396" spans="1:6" ht="14.1">
      <c r="A396" s="13"/>
      <c r="B396" s="22" t="str">
        <f>IF(Tbl_Dialogue[[#This Row],[Comment ID]]&lt;&gt;"",_xlfn.XLOOKUP(TEXT(Tbl_Dialogue[[#This Row],[Comment ID]],0),Tbl_Comments[Comment ID],Tbl_Comments[Comment],""),"")</f>
        <v/>
      </c>
      <c r="C396" s="9"/>
      <c r="D396" s="5"/>
      <c r="E396" s="6"/>
      <c r="F396" s="2"/>
    </row>
    <row r="397" spans="1:6" ht="14.1">
      <c r="A397" s="13"/>
      <c r="B397" s="22" t="str">
        <f>IF(Tbl_Dialogue[[#This Row],[Comment ID]]&lt;&gt;"",_xlfn.XLOOKUP(TEXT(Tbl_Dialogue[[#This Row],[Comment ID]],0),Tbl_Comments[Comment ID],Tbl_Comments[Comment],""),"")</f>
        <v/>
      </c>
      <c r="C397" s="9"/>
      <c r="D397" s="5"/>
      <c r="E397" s="6"/>
      <c r="F397" s="2"/>
    </row>
    <row r="398" spans="1:6" ht="14.1">
      <c r="A398" s="13"/>
      <c r="B398" s="22" t="str">
        <f>IF(Tbl_Dialogue[[#This Row],[Comment ID]]&lt;&gt;"",_xlfn.XLOOKUP(TEXT(Tbl_Dialogue[[#This Row],[Comment ID]],0),Tbl_Comments[Comment ID],Tbl_Comments[Comment],""),"")</f>
        <v/>
      </c>
      <c r="C398" s="9"/>
      <c r="D398" s="5"/>
      <c r="E398" s="6"/>
      <c r="F398" s="2"/>
    </row>
    <row r="399" spans="1:6" ht="14.1">
      <c r="A399" s="13"/>
      <c r="B399" s="22" t="str">
        <f>IF(Tbl_Dialogue[[#This Row],[Comment ID]]&lt;&gt;"",_xlfn.XLOOKUP(TEXT(Tbl_Dialogue[[#This Row],[Comment ID]],0),Tbl_Comments[Comment ID],Tbl_Comments[Comment],""),"")</f>
        <v/>
      </c>
      <c r="C399" s="9"/>
      <c r="D399" s="5"/>
      <c r="E399" s="6"/>
      <c r="F399" s="2"/>
    </row>
    <row r="400" spans="1:6" ht="14.1">
      <c r="A400" s="13"/>
      <c r="B400" s="22" t="str">
        <f>IF(Tbl_Dialogue[[#This Row],[Comment ID]]&lt;&gt;"",_xlfn.XLOOKUP(TEXT(Tbl_Dialogue[[#This Row],[Comment ID]],0),Tbl_Comments[Comment ID],Tbl_Comments[Comment],""),"")</f>
        <v/>
      </c>
      <c r="C400" s="9"/>
      <c r="D400" s="5"/>
      <c r="E400" s="6"/>
      <c r="F400" s="2"/>
    </row>
    <row r="401" spans="1:6" ht="14.1">
      <c r="A401" s="13"/>
      <c r="B401" s="22" t="str">
        <f>IF(Tbl_Dialogue[[#This Row],[Comment ID]]&lt;&gt;"",_xlfn.XLOOKUP(TEXT(Tbl_Dialogue[[#This Row],[Comment ID]],0),Tbl_Comments[Comment ID],Tbl_Comments[Comment],""),"")</f>
        <v/>
      </c>
      <c r="C401" s="9"/>
      <c r="D401" s="5"/>
      <c r="E401" s="6"/>
      <c r="F401" s="2"/>
    </row>
    <row r="402" spans="1:6" ht="14.1">
      <c r="A402" s="13"/>
      <c r="B402" s="22" t="str">
        <f>IF(Tbl_Dialogue[[#This Row],[Comment ID]]&lt;&gt;"",_xlfn.XLOOKUP(TEXT(Tbl_Dialogue[[#This Row],[Comment ID]],0),Tbl_Comments[Comment ID],Tbl_Comments[Comment],""),"")</f>
        <v/>
      </c>
      <c r="C402" s="9"/>
      <c r="D402" s="5"/>
      <c r="E402" s="6"/>
      <c r="F402" s="2"/>
    </row>
    <row r="403" spans="1:6" ht="14.1">
      <c r="A403" s="13"/>
      <c r="B403" s="22" t="str">
        <f>IF(Tbl_Dialogue[[#This Row],[Comment ID]]&lt;&gt;"",_xlfn.XLOOKUP(TEXT(Tbl_Dialogue[[#This Row],[Comment ID]],0),Tbl_Comments[Comment ID],Tbl_Comments[Comment],""),"")</f>
        <v/>
      </c>
      <c r="C403" s="9"/>
      <c r="D403" s="5"/>
      <c r="E403" s="6"/>
      <c r="F403" s="2"/>
    </row>
    <row r="404" spans="1:6" ht="14.1">
      <c r="A404" s="13"/>
      <c r="B404" s="22" t="str">
        <f>IF(Tbl_Dialogue[[#This Row],[Comment ID]]&lt;&gt;"",_xlfn.XLOOKUP(TEXT(Tbl_Dialogue[[#This Row],[Comment ID]],0),Tbl_Comments[Comment ID],Tbl_Comments[Comment],""),"")</f>
        <v/>
      </c>
      <c r="C404" s="9"/>
      <c r="D404" s="5"/>
      <c r="E404" s="6"/>
      <c r="F404" s="2"/>
    </row>
    <row r="405" spans="1:6" ht="14.1">
      <c r="A405" s="13"/>
      <c r="B405" s="22" t="str">
        <f>IF(Tbl_Dialogue[[#This Row],[Comment ID]]&lt;&gt;"",_xlfn.XLOOKUP(TEXT(Tbl_Dialogue[[#This Row],[Comment ID]],0),Tbl_Comments[Comment ID],Tbl_Comments[Comment],""),"")</f>
        <v/>
      </c>
      <c r="C405" s="9"/>
      <c r="D405" s="5"/>
      <c r="E405" s="6"/>
      <c r="F405" s="2"/>
    </row>
    <row r="406" spans="1:6" ht="14.1">
      <c r="A406" s="13"/>
      <c r="B406" s="22" t="str">
        <f>IF(Tbl_Dialogue[[#This Row],[Comment ID]]&lt;&gt;"",_xlfn.XLOOKUP(TEXT(Tbl_Dialogue[[#This Row],[Comment ID]],0),Tbl_Comments[Comment ID],Tbl_Comments[Comment],""),"")</f>
        <v/>
      </c>
      <c r="C406" s="9"/>
      <c r="D406" s="5"/>
      <c r="E406" s="6"/>
      <c r="F406" s="2"/>
    </row>
    <row r="407" spans="1:6" ht="14.1">
      <c r="A407" s="13"/>
      <c r="B407" s="22" t="str">
        <f>IF(Tbl_Dialogue[[#This Row],[Comment ID]]&lt;&gt;"",_xlfn.XLOOKUP(TEXT(Tbl_Dialogue[[#This Row],[Comment ID]],0),Tbl_Comments[Comment ID],Tbl_Comments[Comment],""),"")</f>
        <v/>
      </c>
      <c r="C407" s="9"/>
      <c r="D407" s="5"/>
      <c r="E407" s="6"/>
      <c r="F407" s="2"/>
    </row>
    <row r="408" spans="1:6" ht="14.1">
      <c r="A408" s="13"/>
      <c r="B408" s="22" t="str">
        <f>IF(Tbl_Dialogue[[#This Row],[Comment ID]]&lt;&gt;"",_xlfn.XLOOKUP(TEXT(Tbl_Dialogue[[#This Row],[Comment ID]],0),Tbl_Comments[Comment ID],Tbl_Comments[Comment],""),"")</f>
        <v/>
      </c>
      <c r="C408" s="9"/>
      <c r="D408" s="5"/>
      <c r="E408" s="6"/>
      <c r="F408" s="2"/>
    </row>
    <row r="409" spans="1:6" ht="14.1">
      <c r="A409" s="13"/>
      <c r="B409" s="22" t="str">
        <f>IF(Tbl_Dialogue[[#This Row],[Comment ID]]&lt;&gt;"",_xlfn.XLOOKUP(TEXT(Tbl_Dialogue[[#This Row],[Comment ID]],0),Tbl_Comments[Comment ID],Tbl_Comments[Comment],""),"")</f>
        <v/>
      </c>
      <c r="C409" s="9"/>
      <c r="D409" s="5"/>
      <c r="E409" s="6"/>
      <c r="F409" s="2"/>
    </row>
    <row r="410" spans="1:6" ht="14.1">
      <c r="A410" s="13"/>
      <c r="B410" s="22" t="str">
        <f>IF(Tbl_Dialogue[[#This Row],[Comment ID]]&lt;&gt;"",_xlfn.XLOOKUP(TEXT(Tbl_Dialogue[[#This Row],[Comment ID]],0),Tbl_Comments[Comment ID],Tbl_Comments[Comment],""),"")</f>
        <v/>
      </c>
      <c r="C410" s="9"/>
      <c r="D410" s="5"/>
      <c r="E410" s="6"/>
      <c r="F410" s="2"/>
    </row>
    <row r="411" spans="1:6" ht="14.1">
      <c r="A411" s="13"/>
      <c r="B411" s="22" t="str">
        <f>IF(Tbl_Dialogue[[#This Row],[Comment ID]]&lt;&gt;"",_xlfn.XLOOKUP(TEXT(Tbl_Dialogue[[#This Row],[Comment ID]],0),Tbl_Comments[Comment ID],Tbl_Comments[Comment],""),"")</f>
        <v/>
      </c>
      <c r="C411" s="9"/>
      <c r="D411" s="5"/>
      <c r="E411" s="6"/>
      <c r="F411" s="2"/>
    </row>
    <row r="412" spans="1:6" ht="14.1">
      <c r="A412" s="13"/>
      <c r="B412" s="22" t="str">
        <f>IF(Tbl_Dialogue[[#This Row],[Comment ID]]&lt;&gt;"",_xlfn.XLOOKUP(TEXT(Tbl_Dialogue[[#This Row],[Comment ID]],0),Tbl_Comments[Comment ID],Tbl_Comments[Comment],""),"")</f>
        <v/>
      </c>
      <c r="C412" s="9"/>
      <c r="D412" s="5"/>
      <c r="E412" s="6"/>
      <c r="F412" s="2"/>
    </row>
    <row r="413" spans="1:6" ht="14.1">
      <c r="A413" s="13"/>
      <c r="B413" s="22" t="str">
        <f>IF(Tbl_Dialogue[[#This Row],[Comment ID]]&lt;&gt;"",_xlfn.XLOOKUP(TEXT(Tbl_Dialogue[[#This Row],[Comment ID]],0),Tbl_Comments[Comment ID],Tbl_Comments[Comment],""),"")</f>
        <v/>
      </c>
      <c r="C413" s="9"/>
      <c r="D413" s="5"/>
      <c r="E413" s="6"/>
      <c r="F413" s="2"/>
    </row>
    <row r="414" spans="1:6" ht="14.1">
      <c r="A414" s="13"/>
      <c r="B414" s="22" t="str">
        <f>IF(Tbl_Dialogue[[#This Row],[Comment ID]]&lt;&gt;"",_xlfn.XLOOKUP(TEXT(Tbl_Dialogue[[#This Row],[Comment ID]],0),Tbl_Comments[Comment ID],Tbl_Comments[Comment],""),"")</f>
        <v/>
      </c>
      <c r="C414" s="9"/>
      <c r="D414" s="5"/>
      <c r="E414" s="6"/>
      <c r="F414" s="2"/>
    </row>
    <row r="415" spans="1:6" ht="14.1">
      <c r="A415" s="13"/>
      <c r="B415" s="22" t="str">
        <f>IF(Tbl_Dialogue[[#This Row],[Comment ID]]&lt;&gt;"",_xlfn.XLOOKUP(TEXT(Tbl_Dialogue[[#This Row],[Comment ID]],0),Tbl_Comments[Comment ID],Tbl_Comments[Comment],""),"")</f>
        <v/>
      </c>
      <c r="C415" s="9"/>
      <c r="D415" s="5"/>
      <c r="E415" s="6"/>
      <c r="F415" s="2"/>
    </row>
    <row r="416" spans="1:6" ht="14.1">
      <c r="A416" s="13"/>
      <c r="B416" s="22" t="str">
        <f>IF(Tbl_Dialogue[[#This Row],[Comment ID]]&lt;&gt;"",_xlfn.XLOOKUP(TEXT(Tbl_Dialogue[[#This Row],[Comment ID]],0),Tbl_Comments[Comment ID],Tbl_Comments[Comment],""),"")</f>
        <v/>
      </c>
      <c r="C416" s="9"/>
      <c r="D416" s="5"/>
      <c r="E416" s="6"/>
      <c r="F416" s="2"/>
    </row>
    <row r="417" spans="1:6" ht="14.1">
      <c r="A417" s="13"/>
      <c r="B417" s="22" t="str">
        <f>IF(Tbl_Dialogue[[#This Row],[Comment ID]]&lt;&gt;"",_xlfn.XLOOKUP(TEXT(Tbl_Dialogue[[#This Row],[Comment ID]],0),Tbl_Comments[Comment ID],Tbl_Comments[Comment],""),"")</f>
        <v/>
      </c>
      <c r="C417" s="9"/>
      <c r="D417" s="5"/>
      <c r="E417" s="6"/>
      <c r="F417" s="2"/>
    </row>
    <row r="418" spans="1:6" ht="14.1">
      <c r="A418" s="13"/>
      <c r="B418" s="22" t="str">
        <f>IF(Tbl_Dialogue[[#This Row],[Comment ID]]&lt;&gt;"",_xlfn.XLOOKUP(TEXT(Tbl_Dialogue[[#This Row],[Comment ID]],0),Tbl_Comments[Comment ID],Tbl_Comments[Comment],""),"")</f>
        <v/>
      </c>
      <c r="C418" s="9"/>
      <c r="D418" s="5"/>
      <c r="E418" s="6"/>
      <c r="F418" s="2"/>
    </row>
    <row r="419" spans="1:6" ht="14.1">
      <c r="A419" s="13"/>
      <c r="B419" s="22" t="str">
        <f>IF(Tbl_Dialogue[[#This Row],[Comment ID]]&lt;&gt;"",_xlfn.XLOOKUP(TEXT(Tbl_Dialogue[[#This Row],[Comment ID]],0),Tbl_Comments[Comment ID],Tbl_Comments[Comment],""),"")</f>
        <v/>
      </c>
      <c r="C419" s="9"/>
      <c r="D419" s="5"/>
      <c r="E419" s="6"/>
      <c r="F419" s="2"/>
    </row>
    <row r="420" spans="1:6" ht="14.1">
      <c r="A420" s="13"/>
      <c r="B420" s="22" t="str">
        <f>IF(Tbl_Dialogue[[#This Row],[Comment ID]]&lt;&gt;"",_xlfn.XLOOKUP(TEXT(Tbl_Dialogue[[#This Row],[Comment ID]],0),Tbl_Comments[Comment ID],Tbl_Comments[Comment],""),"")</f>
        <v/>
      </c>
      <c r="C420" s="9"/>
      <c r="D420" s="5"/>
      <c r="E420" s="6"/>
      <c r="F420" s="2"/>
    </row>
    <row r="421" spans="1:6" ht="14.1">
      <c r="A421" s="13"/>
      <c r="B421" s="22" t="str">
        <f>IF(Tbl_Dialogue[[#This Row],[Comment ID]]&lt;&gt;"",_xlfn.XLOOKUP(TEXT(Tbl_Dialogue[[#This Row],[Comment ID]],0),Tbl_Comments[Comment ID],Tbl_Comments[Comment],""),"")</f>
        <v/>
      </c>
      <c r="C421" s="9"/>
      <c r="D421" s="5"/>
      <c r="E421" s="6"/>
      <c r="F421" s="2"/>
    </row>
    <row r="422" spans="1:6" ht="14.1">
      <c r="A422" s="13"/>
      <c r="B422" s="22" t="str">
        <f>IF(Tbl_Dialogue[[#This Row],[Comment ID]]&lt;&gt;"",_xlfn.XLOOKUP(TEXT(Tbl_Dialogue[[#This Row],[Comment ID]],0),Tbl_Comments[Comment ID],Tbl_Comments[Comment],""),"")</f>
        <v/>
      </c>
      <c r="C422" s="9"/>
      <c r="D422" s="5"/>
      <c r="E422" s="6"/>
      <c r="F422" s="2"/>
    </row>
    <row r="423" spans="1:6" ht="14.1">
      <c r="A423" s="13"/>
      <c r="B423" s="22" t="str">
        <f>IF(Tbl_Dialogue[[#This Row],[Comment ID]]&lt;&gt;"",_xlfn.XLOOKUP(TEXT(Tbl_Dialogue[[#This Row],[Comment ID]],0),Tbl_Comments[Comment ID],Tbl_Comments[Comment],""),"")</f>
        <v/>
      </c>
      <c r="C423" s="9"/>
      <c r="D423" s="5"/>
      <c r="E423" s="6"/>
      <c r="F423" s="2"/>
    </row>
    <row r="424" spans="1:6" ht="14.1">
      <c r="A424" s="13"/>
      <c r="B424" s="22" t="str">
        <f>IF(Tbl_Dialogue[[#This Row],[Comment ID]]&lt;&gt;"",_xlfn.XLOOKUP(TEXT(Tbl_Dialogue[[#This Row],[Comment ID]],0),Tbl_Comments[Comment ID],Tbl_Comments[Comment],""),"")</f>
        <v/>
      </c>
      <c r="C424" s="9"/>
      <c r="D424" s="5"/>
      <c r="E424" s="6"/>
      <c r="F424" s="2"/>
    </row>
    <row r="425" spans="1:6" ht="14.1">
      <c r="A425" s="13"/>
      <c r="B425" s="22" t="str">
        <f>IF(Tbl_Dialogue[[#This Row],[Comment ID]]&lt;&gt;"",_xlfn.XLOOKUP(TEXT(Tbl_Dialogue[[#This Row],[Comment ID]],0),Tbl_Comments[Comment ID],Tbl_Comments[Comment],""),"")</f>
        <v/>
      </c>
      <c r="C425" s="9"/>
      <c r="D425" s="5"/>
      <c r="E425" s="6"/>
      <c r="F425" s="2"/>
    </row>
    <row r="426" spans="1:6" ht="14.1">
      <c r="A426" s="13"/>
      <c r="B426" s="22" t="str">
        <f>IF(Tbl_Dialogue[[#This Row],[Comment ID]]&lt;&gt;"",_xlfn.XLOOKUP(TEXT(Tbl_Dialogue[[#This Row],[Comment ID]],0),Tbl_Comments[Comment ID],Tbl_Comments[Comment],""),"")</f>
        <v/>
      </c>
      <c r="C426" s="9"/>
      <c r="D426" s="5"/>
      <c r="E426" s="6"/>
      <c r="F426" s="2"/>
    </row>
    <row r="427" spans="1:6" ht="14.1">
      <c r="A427" s="13"/>
      <c r="B427" s="22" t="str">
        <f>IF(Tbl_Dialogue[[#This Row],[Comment ID]]&lt;&gt;"",_xlfn.XLOOKUP(TEXT(Tbl_Dialogue[[#This Row],[Comment ID]],0),Tbl_Comments[Comment ID],Tbl_Comments[Comment],""),"")</f>
        <v/>
      </c>
      <c r="C427" s="9"/>
      <c r="D427" s="5"/>
      <c r="E427" s="6"/>
      <c r="F427" s="2"/>
    </row>
    <row r="428" spans="1:6" ht="14.1">
      <c r="A428" s="13"/>
      <c r="B428" s="22" t="str">
        <f>IF(Tbl_Dialogue[[#This Row],[Comment ID]]&lt;&gt;"",_xlfn.XLOOKUP(TEXT(Tbl_Dialogue[[#This Row],[Comment ID]],0),Tbl_Comments[Comment ID],Tbl_Comments[Comment],""),"")</f>
        <v/>
      </c>
      <c r="C428" s="9"/>
      <c r="D428" s="5"/>
      <c r="E428" s="6"/>
      <c r="F428" s="2"/>
    </row>
    <row r="429" spans="1:6" ht="14.1">
      <c r="A429" s="13"/>
      <c r="B429" s="22" t="str">
        <f>IF(Tbl_Dialogue[[#This Row],[Comment ID]]&lt;&gt;"",_xlfn.XLOOKUP(TEXT(Tbl_Dialogue[[#This Row],[Comment ID]],0),Tbl_Comments[Comment ID],Tbl_Comments[Comment],""),"")</f>
        <v/>
      </c>
      <c r="C429" s="9"/>
      <c r="D429" s="5"/>
      <c r="E429" s="6"/>
      <c r="F429" s="2"/>
    </row>
    <row r="430" spans="1:6" ht="14.1">
      <c r="A430" s="13"/>
      <c r="B430" s="22" t="str">
        <f>IF(Tbl_Dialogue[[#This Row],[Comment ID]]&lt;&gt;"",_xlfn.XLOOKUP(TEXT(Tbl_Dialogue[[#This Row],[Comment ID]],0),Tbl_Comments[Comment ID],Tbl_Comments[Comment],""),"")</f>
        <v/>
      </c>
      <c r="C430" s="9"/>
      <c r="D430" s="5"/>
      <c r="E430" s="6"/>
      <c r="F430" s="2"/>
    </row>
    <row r="431" spans="1:6" ht="14.1">
      <c r="A431" s="13"/>
      <c r="B431" s="22" t="str">
        <f>IF(Tbl_Dialogue[[#This Row],[Comment ID]]&lt;&gt;"",_xlfn.XLOOKUP(TEXT(Tbl_Dialogue[[#This Row],[Comment ID]],0),Tbl_Comments[Comment ID],Tbl_Comments[Comment],""),"")</f>
        <v/>
      </c>
      <c r="C431" s="9"/>
      <c r="D431" s="5"/>
      <c r="E431" s="6"/>
      <c r="F431" s="2"/>
    </row>
    <row r="432" spans="1:6" ht="14.1">
      <c r="A432" s="13"/>
      <c r="B432" s="22" t="str">
        <f>IF(Tbl_Dialogue[[#This Row],[Comment ID]]&lt;&gt;"",_xlfn.XLOOKUP(TEXT(Tbl_Dialogue[[#This Row],[Comment ID]],0),Tbl_Comments[Comment ID],Tbl_Comments[Comment],""),"")</f>
        <v/>
      </c>
      <c r="C432" s="9"/>
      <c r="D432" s="5"/>
      <c r="E432" s="6"/>
      <c r="F432" s="2"/>
    </row>
    <row r="433" spans="1:6" ht="14.1">
      <c r="A433" s="13"/>
      <c r="B433" s="22" t="str">
        <f>IF(Tbl_Dialogue[[#This Row],[Comment ID]]&lt;&gt;"",_xlfn.XLOOKUP(TEXT(Tbl_Dialogue[[#This Row],[Comment ID]],0),Tbl_Comments[Comment ID],Tbl_Comments[Comment],""),"")</f>
        <v/>
      </c>
      <c r="C433" s="9"/>
      <c r="D433" s="5"/>
      <c r="E433" s="6"/>
      <c r="F433" s="2"/>
    </row>
    <row r="434" spans="1:6" ht="14.1">
      <c r="A434" s="13"/>
      <c r="B434" s="22" t="str">
        <f>IF(Tbl_Dialogue[[#This Row],[Comment ID]]&lt;&gt;"",_xlfn.XLOOKUP(TEXT(Tbl_Dialogue[[#This Row],[Comment ID]],0),Tbl_Comments[Comment ID],Tbl_Comments[Comment],""),"")</f>
        <v/>
      </c>
      <c r="C434" s="9"/>
      <c r="D434" s="5"/>
      <c r="E434" s="6"/>
      <c r="F434" s="2"/>
    </row>
    <row r="435" spans="1:6" ht="14.1">
      <c r="A435" s="13"/>
      <c r="B435" s="22" t="str">
        <f>IF(Tbl_Dialogue[[#This Row],[Comment ID]]&lt;&gt;"",_xlfn.XLOOKUP(TEXT(Tbl_Dialogue[[#This Row],[Comment ID]],0),Tbl_Comments[Comment ID],Tbl_Comments[Comment],""),"")</f>
        <v/>
      </c>
      <c r="C435" s="9"/>
      <c r="D435" s="5"/>
      <c r="E435" s="6"/>
      <c r="F435" s="2"/>
    </row>
    <row r="436" spans="1:6" ht="14.1">
      <c r="A436" s="13"/>
      <c r="B436" s="22" t="str">
        <f>IF(Tbl_Dialogue[[#This Row],[Comment ID]]&lt;&gt;"",_xlfn.XLOOKUP(TEXT(Tbl_Dialogue[[#This Row],[Comment ID]],0),Tbl_Comments[Comment ID],Tbl_Comments[Comment],""),"")</f>
        <v/>
      </c>
      <c r="C436" s="9"/>
      <c r="D436" s="5"/>
      <c r="E436" s="6"/>
      <c r="F436" s="2"/>
    </row>
    <row r="437" spans="1:6" ht="14.1">
      <c r="A437" s="13"/>
      <c r="B437" s="22" t="str">
        <f>IF(Tbl_Dialogue[[#This Row],[Comment ID]]&lt;&gt;"",_xlfn.XLOOKUP(TEXT(Tbl_Dialogue[[#This Row],[Comment ID]],0),Tbl_Comments[Comment ID],Tbl_Comments[Comment],""),"")</f>
        <v/>
      </c>
      <c r="C437" s="9"/>
      <c r="D437" s="5"/>
      <c r="E437" s="6"/>
      <c r="F437" s="2"/>
    </row>
    <row r="438" spans="1:6" ht="14.1">
      <c r="A438" s="13"/>
      <c r="B438" s="22" t="str">
        <f>IF(Tbl_Dialogue[[#This Row],[Comment ID]]&lt;&gt;"",_xlfn.XLOOKUP(TEXT(Tbl_Dialogue[[#This Row],[Comment ID]],0),Tbl_Comments[Comment ID],Tbl_Comments[Comment],""),"")</f>
        <v/>
      </c>
      <c r="C438" s="9"/>
      <c r="D438" s="5"/>
      <c r="E438" s="6"/>
      <c r="F438" s="2"/>
    </row>
    <row r="439" spans="1:6" ht="14.1">
      <c r="A439" s="13"/>
      <c r="B439" s="22" t="str">
        <f>IF(Tbl_Dialogue[[#This Row],[Comment ID]]&lt;&gt;"",_xlfn.XLOOKUP(TEXT(Tbl_Dialogue[[#This Row],[Comment ID]],0),Tbl_Comments[Comment ID],Tbl_Comments[Comment],""),"")</f>
        <v/>
      </c>
      <c r="C439" s="9"/>
      <c r="D439" s="5"/>
      <c r="E439" s="6"/>
      <c r="F439" s="2"/>
    </row>
    <row r="440" spans="1:6" ht="14.1">
      <c r="A440" s="13"/>
      <c r="B440" s="22" t="str">
        <f>IF(Tbl_Dialogue[[#This Row],[Comment ID]]&lt;&gt;"",_xlfn.XLOOKUP(TEXT(Tbl_Dialogue[[#This Row],[Comment ID]],0),Tbl_Comments[Comment ID],Tbl_Comments[Comment],""),"")</f>
        <v/>
      </c>
      <c r="C440" s="9"/>
      <c r="D440" s="5"/>
      <c r="E440" s="6"/>
      <c r="F440" s="2"/>
    </row>
    <row r="441" spans="1:6" ht="14.1">
      <c r="A441" s="13"/>
      <c r="B441" s="22" t="str">
        <f>IF(Tbl_Dialogue[[#This Row],[Comment ID]]&lt;&gt;"",_xlfn.XLOOKUP(TEXT(Tbl_Dialogue[[#This Row],[Comment ID]],0),Tbl_Comments[Comment ID],Tbl_Comments[Comment],""),"")</f>
        <v/>
      </c>
      <c r="C441" s="9"/>
      <c r="D441" s="5"/>
      <c r="E441" s="6"/>
      <c r="F441" s="2"/>
    </row>
    <row r="442" spans="1:6" ht="14.1">
      <c r="A442" s="13"/>
      <c r="B442" s="22" t="str">
        <f>IF(Tbl_Dialogue[[#This Row],[Comment ID]]&lt;&gt;"",_xlfn.XLOOKUP(TEXT(Tbl_Dialogue[[#This Row],[Comment ID]],0),Tbl_Comments[Comment ID],Tbl_Comments[Comment],""),"")</f>
        <v/>
      </c>
      <c r="C442" s="9"/>
      <c r="D442" s="5"/>
      <c r="E442" s="6"/>
      <c r="F442" s="2"/>
    </row>
    <row r="443" spans="1:6" ht="14.1">
      <c r="A443" s="13"/>
      <c r="B443" s="22" t="str">
        <f>IF(Tbl_Dialogue[[#This Row],[Comment ID]]&lt;&gt;"",_xlfn.XLOOKUP(TEXT(Tbl_Dialogue[[#This Row],[Comment ID]],0),Tbl_Comments[Comment ID],Tbl_Comments[Comment],""),"")</f>
        <v/>
      </c>
      <c r="C443" s="9"/>
      <c r="D443" s="5"/>
      <c r="E443" s="6"/>
      <c r="F443" s="2"/>
    </row>
    <row r="444" spans="1:6" ht="14.1">
      <c r="A444" s="13"/>
      <c r="B444" s="22" t="str">
        <f>IF(Tbl_Dialogue[[#This Row],[Comment ID]]&lt;&gt;"",_xlfn.XLOOKUP(TEXT(Tbl_Dialogue[[#This Row],[Comment ID]],0),Tbl_Comments[Comment ID],Tbl_Comments[Comment],""),"")</f>
        <v/>
      </c>
      <c r="C444" s="9"/>
      <c r="D444" s="5"/>
      <c r="E444" s="6"/>
      <c r="F444" s="2"/>
    </row>
    <row r="445" spans="1:6" ht="14.1">
      <c r="A445" s="13"/>
      <c r="B445" s="22" t="str">
        <f>IF(Tbl_Dialogue[[#This Row],[Comment ID]]&lt;&gt;"",_xlfn.XLOOKUP(TEXT(Tbl_Dialogue[[#This Row],[Comment ID]],0),Tbl_Comments[Comment ID],Tbl_Comments[Comment],""),"")</f>
        <v/>
      </c>
      <c r="C445" s="9"/>
      <c r="D445" s="5"/>
      <c r="E445" s="6"/>
      <c r="F445" s="2"/>
    </row>
    <row r="446" spans="1:6" ht="14.1">
      <c r="A446" s="13"/>
      <c r="B446" s="22" t="str">
        <f>IF(Tbl_Dialogue[[#This Row],[Comment ID]]&lt;&gt;"",_xlfn.XLOOKUP(TEXT(Tbl_Dialogue[[#This Row],[Comment ID]],0),Tbl_Comments[Comment ID],Tbl_Comments[Comment],""),"")</f>
        <v/>
      </c>
      <c r="C446" s="9"/>
      <c r="D446" s="5"/>
      <c r="E446" s="6"/>
      <c r="F446" s="2"/>
    </row>
    <row r="447" spans="1:6" ht="14.1">
      <c r="A447" s="13"/>
      <c r="B447" s="22" t="str">
        <f>IF(Tbl_Dialogue[[#This Row],[Comment ID]]&lt;&gt;"",_xlfn.XLOOKUP(TEXT(Tbl_Dialogue[[#This Row],[Comment ID]],0),Tbl_Comments[Comment ID],Tbl_Comments[Comment],""),"")</f>
        <v/>
      </c>
      <c r="C447" s="9"/>
      <c r="D447" s="5"/>
      <c r="E447" s="6"/>
      <c r="F447" s="2"/>
    </row>
    <row r="448" spans="1:6" ht="14.1">
      <c r="A448" s="13"/>
      <c r="B448" s="22" t="str">
        <f>IF(Tbl_Dialogue[[#This Row],[Comment ID]]&lt;&gt;"",_xlfn.XLOOKUP(TEXT(Tbl_Dialogue[[#This Row],[Comment ID]],0),Tbl_Comments[Comment ID],Tbl_Comments[Comment],""),"")</f>
        <v/>
      </c>
      <c r="C448" s="9"/>
      <c r="D448" s="5"/>
      <c r="E448" s="6"/>
      <c r="F448" s="2"/>
    </row>
    <row r="449" spans="1:6" ht="14.1">
      <c r="A449" s="13"/>
      <c r="B449" s="22" t="str">
        <f>IF(Tbl_Dialogue[[#This Row],[Comment ID]]&lt;&gt;"",_xlfn.XLOOKUP(TEXT(Tbl_Dialogue[[#This Row],[Comment ID]],0),Tbl_Comments[Comment ID],Tbl_Comments[Comment],""),"")</f>
        <v/>
      </c>
      <c r="C449" s="9"/>
      <c r="D449" s="5"/>
      <c r="E449" s="6"/>
      <c r="F449" s="2"/>
    </row>
    <row r="450" spans="1:6" ht="14.1">
      <c r="A450" s="13"/>
      <c r="B450" s="22" t="str">
        <f>IF(Tbl_Dialogue[[#This Row],[Comment ID]]&lt;&gt;"",_xlfn.XLOOKUP(TEXT(Tbl_Dialogue[[#This Row],[Comment ID]],0),Tbl_Comments[Comment ID],Tbl_Comments[Comment],""),"")</f>
        <v/>
      </c>
      <c r="C450" s="9"/>
      <c r="D450" s="5"/>
      <c r="E450" s="6"/>
      <c r="F450" s="2"/>
    </row>
    <row r="451" spans="1:6" ht="14.1">
      <c r="A451" s="13"/>
      <c r="B451" s="22" t="str">
        <f>IF(Tbl_Dialogue[[#This Row],[Comment ID]]&lt;&gt;"",_xlfn.XLOOKUP(TEXT(Tbl_Dialogue[[#This Row],[Comment ID]],0),Tbl_Comments[Comment ID],Tbl_Comments[Comment],""),"")</f>
        <v/>
      </c>
      <c r="C451" s="9"/>
      <c r="D451" s="5"/>
      <c r="E451" s="6"/>
      <c r="F451" s="2"/>
    </row>
    <row r="452" spans="1:6" ht="14.1">
      <c r="A452" s="13"/>
      <c r="B452" s="22" t="str">
        <f>IF(Tbl_Dialogue[[#This Row],[Comment ID]]&lt;&gt;"",_xlfn.XLOOKUP(TEXT(Tbl_Dialogue[[#This Row],[Comment ID]],0),Tbl_Comments[Comment ID],Tbl_Comments[Comment],""),"")</f>
        <v/>
      </c>
      <c r="C452" s="9"/>
      <c r="D452" s="5"/>
      <c r="E452" s="6"/>
      <c r="F452" s="2"/>
    </row>
    <row r="453" spans="1:6" ht="14.1">
      <c r="A453" s="13"/>
      <c r="B453" s="22" t="str">
        <f>IF(Tbl_Dialogue[[#This Row],[Comment ID]]&lt;&gt;"",_xlfn.XLOOKUP(TEXT(Tbl_Dialogue[[#This Row],[Comment ID]],0),Tbl_Comments[Comment ID],Tbl_Comments[Comment],""),"")</f>
        <v/>
      </c>
      <c r="C453" s="9"/>
      <c r="D453" s="5"/>
      <c r="E453" s="6"/>
      <c r="F453" s="2"/>
    </row>
    <row r="454" spans="1:6" ht="14.1">
      <c r="A454" s="13"/>
      <c r="B454" s="22" t="str">
        <f>IF(Tbl_Dialogue[[#This Row],[Comment ID]]&lt;&gt;"",_xlfn.XLOOKUP(TEXT(Tbl_Dialogue[[#This Row],[Comment ID]],0),Tbl_Comments[Comment ID],Tbl_Comments[Comment],""),"")</f>
        <v/>
      </c>
      <c r="C454" s="9"/>
      <c r="D454" s="5"/>
      <c r="E454" s="6"/>
      <c r="F454" s="2"/>
    </row>
    <row r="455" spans="1:6" ht="14.1">
      <c r="A455" s="13"/>
      <c r="B455" s="22" t="str">
        <f>IF(Tbl_Dialogue[[#This Row],[Comment ID]]&lt;&gt;"",_xlfn.XLOOKUP(TEXT(Tbl_Dialogue[[#This Row],[Comment ID]],0),Tbl_Comments[Comment ID],Tbl_Comments[Comment],""),"")</f>
        <v/>
      </c>
      <c r="C455" s="9"/>
      <c r="D455" s="5"/>
      <c r="E455" s="6"/>
      <c r="F455" s="2"/>
    </row>
    <row r="456" spans="1:6" ht="14.1">
      <c r="A456" s="13"/>
      <c r="B456" s="22" t="str">
        <f>IF(Tbl_Dialogue[[#This Row],[Comment ID]]&lt;&gt;"",_xlfn.XLOOKUP(TEXT(Tbl_Dialogue[[#This Row],[Comment ID]],0),Tbl_Comments[Comment ID],Tbl_Comments[Comment],""),"")</f>
        <v/>
      </c>
      <c r="C456" s="9"/>
      <c r="D456" s="5"/>
      <c r="E456" s="6"/>
      <c r="F456" s="2"/>
    </row>
    <row r="457" spans="1:6" ht="14.1">
      <c r="A457" s="13"/>
      <c r="B457" s="22" t="str">
        <f>IF(Tbl_Dialogue[[#This Row],[Comment ID]]&lt;&gt;"",_xlfn.XLOOKUP(TEXT(Tbl_Dialogue[[#This Row],[Comment ID]],0),Tbl_Comments[Comment ID],Tbl_Comments[Comment],""),"")</f>
        <v/>
      </c>
      <c r="C457" s="9"/>
      <c r="D457" s="5"/>
      <c r="E457" s="6"/>
      <c r="F457" s="2"/>
    </row>
    <row r="458" spans="1:6" ht="14.1">
      <c r="A458" s="13"/>
      <c r="B458" s="22" t="str">
        <f>IF(Tbl_Dialogue[[#This Row],[Comment ID]]&lt;&gt;"",_xlfn.XLOOKUP(TEXT(Tbl_Dialogue[[#This Row],[Comment ID]],0),Tbl_Comments[Comment ID],Tbl_Comments[Comment],""),"")</f>
        <v/>
      </c>
      <c r="C458" s="9"/>
      <c r="D458" s="5"/>
      <c r="E458" s="6"/>
      <c r="F458" s="2"/>
    </row>
    <row r="459" spans="1:6" ht="14.1">
      <c r="A459" s="13"/>
      <c r="B459" s="22" t="str">
        <f>IF(Tbl_Dialogue[[#This Row],[Comment ID]]&lt;&gt;"",_xlfn.XLOOKUP(TEXT(Tbl_Dialogue[[#This Row],[Comment ID]],0),Tbl_Comments[Comment ID],Tbl_Comments[Comment],""),"")</f>
        <v/>
      </c>
      <c r="C459" s="9"/>
      <c r="D459" s="5"/>
      <c r="E459" s="6"/>
      <c r="F459" s="2"/>
    </row>
    <row r="460" spans="1:6" ht="14.1">
      <c r="A460" s="13"/>
      <c r="B460" s="22" t="str">
        <f>IF(Tbl_Dialogue[[#This Row],[Comment ID]]&lt;&gt;"",_xlfn.XLOOKUP(TEXT(Tbl_Dialogue[[#This Row],[Comment ID]],0),Tbl_Comments[Comment ID],Tbl_Comments[Comment],""),"")</f>
        <v/>
      </c>
      <c r="C460" s="9"/>
      <c r="D460" s="5"/>
      <c r="E460" s="6"/>
      <c r="F460" s="2"/>
    </row>
    <row r="461" spans="1:6" ht="14.1">
      <c r="A461" s="13"/>
      <c r="B461" s="22" t="str">
        <f>IF(Tbl_Dialogue[[#This Row],[Comment ID]]&lt;&gt;"",_xlfn.XLOOKUP(TEXT(Tbl_Dialogue[[#This Row],[Comment ID]],0),Tbl_Comments[Comment ID],Tbl_Comments[Comment],""),"")</f>
        <v/>
      </c>
      <c r="C461" s="9"/>
      <c r="D461" s="5"/>
      <c r="E461" s="6"/>
      <c r="F461" s="2"/>
    </row>
    <row r="462" spans="1:6" ht="14.1">
      <c r="A462" s="13"/>
      <c r="B462" s="22" t="str">
        <f>IF(Tbl_Dialogue[[#This Row],[Comment ID]]&lt;&gt;"",_xlfn.XLOOKUP(TEXT(Tbl_Dialogue[[#This Row],[Comment ID]],0),Tbl_Comments[Comment ID],Tbl_Comments[Comment],""),"")</f>
        <v/>
      </c>
      <c r="C462" s="9"/>
      <c r="D462" s="5"/>
      <c r="E462" s="6"/>
      <c r="F462" s="2"/>
    </row>
    <row r="463" spans="1:6" ht="14.1">
      <c r="A463" s="13"/>
      <c r="B463" s="22" t="str">
        <f>IF(Tbl_Dialogue[[#This Row],[Comment ID]]&lt;&gt;"",_xlfn.XLOOKUP(TEXT(Tbl_Dialogue[[#This Row],[Comment ID]],0),Tbl_Comments[Comment ID],Tbl_Comments[Comment],""),"")</f>
        <v/>
      </c>
      <c r="C463" s="9"/>
      <c r="D463" s="5"/>
      <c r="E463" s="6"/>
      <c r="F463" s="2"/>
    </row>
    <row r="464" spans="1:6" ht="14.1">
      <c r="A464" s="13"/>
      <c r="B464" s="22" t="str">
        <f>IF(Tbl_Dialogue[[#This Row],[Comment ID]]&lt;&gt;"",_xlfn.XLOOKUP(TEXT(Tbl_Dialogue[[#This Row],[Comment ID]],0),Tbl_Comments[Comment ID],Tbl_Comments[Comment],""),"")</f>
        <v/>
      </c>
      <c r="C464" s="9"/>
      <c r="D464" s="5"/>
      <c r="E464" s="6"/>
      <c r="F464" s="2"/>
    </row>
    <row r="465" spans="1:6" ht="14.1">
      <c r="A465" s="13"/>
      <c r="B465" s="22" t="str">
        <f>IF(Tbl_Dialogue[[#This Row],[Comment ID]]&lt;&gt;"",_xlfn.XLOOKUP(TEXT(Tbl_Dialogue[[#This Row],[Comment ID]],0),Tbl_Comments[Comment ID],Tbl_Comments[Comment],""),"")</f>
        <v/>
      </c>
      <c r="C465" s="9"/>
      <c r="D465" s="5"/>
      <c r="E465" s="6"/>
      <c r="F465" s="2"/>
    </row>
    <row r="466" spans="1:6" ht="14.1">
      <c r="A466" s="13"/>
      <c r="B466" s="22" t="str">
        <f>IF(Tbl_Dialogue[[#This Row],[Comment ID]]&lt;&gt;"",_xlfn.XLOOKUP(TEXT(Tbl_Dialogue[[#This Row],[Comment ID]],0),Tbl_Comments[Comment ID],Tbl_Comments[Comment],""),"")</f>
        <v/>
      </c>
      <c r="C466" s="9"/>
      <c r="D466" s="5"/>
      <c r="E466" s="6"/>
      <c r="F466" s="2"/>
    </row>
    <row r="467" spans="1:6" ht="14.1">
      <c r="A467" s="13"/>
      <c r="B467" s="22" t="str">
        <f>IF(Tbl_Dialogue[[#This Row],[Comment ID]]&lt;&gt;"",_xlfn.XLOOKUP(TEXT(Tbl_Dialogue[[#This Row],[Comment ID]],0),Tbl_Comments[Comment ID],Tbl_Comments[Comment],""),"")</f>
        <v/>
      </c>
      <c r="C467" s="9"/>
      <c r="D467" s="5"/>
      <c r="E467" s="6"/>
      <c r="F467" s="2"/>
    </row>
    <row r="468" spans="1:6" ht="14.1">
      <c r="A468" s="13"/>
      <c r="B468" s="22" t="str">
        <f>IF(Tbl_Dialogue[[#This Row],[Comment ID]]&lt;&gt;"",_xlfn.XLOOKUP(TEXT(Tbl_Dialogue[[#This Row],[Comment ID]],0),Tbl_Comments[Comment ID],Tbl_Comments[Comment],""),"")</f>
        <v/>
      </c>
      <c r="C468" s="9"/>
      <c r="D468" s="5"/>
      <c r="E468" s="6"/>
      <c r="F468" s="2"/>
    </row>
    <row r="469" spans="1:6" ht="14.1">
      <c r="A469" s="13"/>
      <c r="B469" s="22" t="str">
        <f>IF(Tbl_Dialogue[[#This Row],[Comment ID]]&lt;&gt;"",_xlfn.XLOOKUP(TEXT(Tbl_Dialogue[[#This Row],[Comment ID]],0),Tbl_Comments[Comment ID],Tbl_Comments[Comment],""),"")</f>
        <v/>
      </c>
      <c r="C469" s="9"/>
      <c r="D469" s="5"/>
      <c r="E469" s="6"/>
      <c r="F469" s="2"/>
    </row>
    <row r="470" spans="1:6" ht="14.1">
      <c r="A470" s="13"/>
      <c r="B470" s="22" t="str">
        <f>IF(Tbl_Dialogue[[#This Row],[Comment ID]]&lt;&gt;"",_xlfn.XLOOKUP(TEXT(Tbl_Dialogue[[#This Row],[Comment ID]],0),Tbl_Comments[Comment ID],Tbl_Comments[Comment],""),"")</f>
        <v/>
      </c>
      <c r="C470" s="9"/>
      <c r="D470" s="5"/>
      <c r="E470" s="6"/>
      <c r="F470" s="2"/>
    </row>
    <row r="471" spans="1:6" ht="14.1">
      <c r="A471" s="13"/>
      <c r="B471" s="22" t="str">
        <f>IF(Tbl_Dialogue[[#This Row],[Comment ID]]&lt;&gt;"",_xlfn.XLOOKUP(TEXT(Tbl_Dialogue[[#This Row],[Comment ID]],0),Tbl_Comments[Comment ID],Tbl_Comments[Comment],""),"")</f>
        <v/>
      </c>
      <c r="C471" s="9"/>
      <c r="D471" s="5"/>
      <c r="E471" s="6"/>
      <c r="F471" s="2"/>
    </row>
    <row r="472" spans="1:6" ht="14.1">
      <c r="A472" s="13"/>
      <c r="B472" s="22" t="str">
        <f>IF(Tbl_Dialogue[[#This Row],[Comment ID]]&lt;&gt;"",_xlfn.XLOOKUP(TEXT(Tbl_Dialogue[[#This Row],[Comment ID]],0),Tbl_Comments[Comment ID],Tbl_Comments[Comment],""),"")</f>
        <v/>
      </c>
      <c r="C472" s="9"/>
      <c r="D472" s="5"/>
      <c r="E472" s="6"/>
      <c r="F472" s="2"/>
    </row>
    <row r="473" spans="1:6" ht="14.1">
      <c r="A473" s="13"/>
      <c r="B473" s="22" t="str">
        <f>IF(Tbl_Dialogue[[#This Row],[Comment ID]]&lt;&gt;"",_xlfn.XLOOKUP(TEXT(Tbl_Dialogue[[#This Row],[Comment ID]],0),Tbl_Comments[Comment ID],Tbl_Comments[Comment],""),"")</f>
        <v/>
      </c>
      <c r="C473" s="9"/>
      <c r="D473" s="5"/>
      <c r="E473" s="6"/>
      <c r="F473" s="2"/>
    </row>
    <row r="474" spans="1:6" ht="14.1">
      <c r="A474" s="13"/>
      <c r="B474" s="22" t="str">
        <f>IF(Tbl_Dialogue[[#This Row],[Comment ID]]&lt;&gt;"",_xlfn.XLOOKUP(TEXT(Tbl_Dialogue[[#This Row],[Comment ID]],0),Tbl_Comments[Comment ID],Tbl_Comments[Comment],""),"")</f>
        <v/>
      </c>
      <c r="C474" s="9"/>
      <c r="D474" s="5"/>
      <c r="E474" s="6"/>
      <c r="F474" s="2"/>
    </row>
    <row r="475" spans="1:6" ht="14.1">
      <c r="A475" s="13"/>
      <c r="B475" s="22" t="str">
        <f>IF(Tbl_Dialogue[[#This Row],[Comment ID]]&lt;&gt;"",_xlfn.XLOOKUP(TEXT(Tbl_Dialogue[[#This Row],[Comment ID]],0),Tbl_Comments[Comment ID],Tbl_Comments[Comment],""),"")</f>
        <v/>
      </c>
      <c r="C475" s="9"/>
      <c r="D475" s="5"/>
      <c r="E475" s="6"/>
      <c r="F475" s="2"/>
    </row>
    <row r="476" spans="1:6" ht="14.1">
      <c r="A476" s="13"/>
      <c r="B476" s="22" t="str">
        <f>IF(Tbl_Dialogue[[#This Row],[Comment ID]]&lt;&gt;"",_xlfn.XLOOKUP(TEXT(Tbl_Dialogue[[#This Row],[Comment ID]],0),Tbl_Comments[Comment ID],Tbl_Comments[Comment],""),"")</f>
        <v/>
      </c>
      <c r="C476" s="9"/>
      <c r="D476" s="5"/>
      <c r="E476" s="6"/>
      <c r="F476" s="2"/>
    </row>
    <row r="477" spans="1:6" ht="14.1">
      <c r="A477" s="13"/>
      <c r="B477" s="22" t="str">
        <f>IF(Tbl_Dialogue[[#This Row],[Comment ID]]&lt;&gt;"",_xlfn.XLOOKUP(TEXT(Tbl_Dialogue[[#This Row],[Comment ID]],0),Tbl_Comments[Comment ID],Tbl_Comments[Comment],""),"")</f>
        <v/>
      </c>
      <c r="C477" s="9"/>
      <c r="D477" s="5"/>
      <c r="E477" s="6"/>
      <c r="F477" s="2"/>
    </row>
    <row r="478" spans="1:6" ht="14.1">
      <c r="A478" s="13"/>
      <c r="B478" s="22" t="str">
        <f>IF(Tbl_Dialogue[[#This Row],[Comment ID]]&lt;&gt;"",_xlfn.XLOOKUP(TEXT(Tbl_Dialogue[[#This Row],[Comment ID]],0),Tbl_Comments[Comment ID],Tbl_Comments[Comment],""),"")</f>
        <v/>
      </c>
      <c r="C478" s="9"/>
      <c r="D478" s="5"/>
      <c r="E478" s="6"/>
      <c r="F478" s="2"/>
    </row>
    <row r="479" spans="1:6" ht="14.1">
      <c r="A479" s="13"/>
      <c r="B479" s="22" t="str">
        <f>IF(Tbl_Dialogue[[#This Row],[Comment ID]]&lt;&gt;"",_xlfn.XLOOKUP(TEXT(Tbl_Dialogue[[#This Row],[Comment ID]],0),Tbl_Comments[Comment ID],Tbl_Comments[Comment],""),"")</f>
        <v/>
      </c>
      <c r="C479" s="9"/>
      <c r="D479" s="5"/>
      <c r="E479" s="6"/>
      <c r="F479" s="2"/>
    </row>
    <row r="480" spans="1:6" ht="14.1">
      <c r="A480" s="13"/>
      <c r="B480" s="22" t="str">
        <f>IF(Tbl_Dialogue[[#This Row],[Comment ID]]&lt;&gt;"",_xlfn.XLOOKUP(TEXT(Tbl_Dialogue[[#This Row],[Comment ID]],0),Tbl_Comments[Comment ID],Tbl_Comments[Comment],""),"")</f>
        <v/>
      </c>
      <c r="C480" s="9"/>
      <c r="D480" s="5"/>
      <c r="E480" s="6"/>
      <c r="F480" s="2"/>
    </row>
    <row r="481" spans="1:6" ht="14.1">
      <c r="A481" s="13"/>
      <c r="B481" s="22" t="str">
        <f>IF(Tbl_Dialogue[[#This Row],[Comment ID]]&lt;&gt;"",_xlfn.XLOOKUP(TEXT(Tbl_Dialogue[[#This Row],[Comment ID]],0),Tbl_Comments[Comment ID],Tbl_Comments[Comment],""),"")</f>
        <v/>
      </c>
      <c r="C481" s="9"/>
      <c r="D481" s="5"/>
      <c r="E481" s="6"/>
      <c r="F481" s="2"/>
    </row>
    <row r="482" spans="1:6" ht="14.1">
      <c r="A482" s="13"/>
      <c r="B482" s="22" t="str">
        <f>IF(Tbl_Dialogue[[#This Row],[Comment ID]]&lt;&gt;"",_xlfn.XLOOKUP(TEXT(Tbl_Dialogue[[#This Row],[Comment ID]],0),Tbl_Comments[Comment ID],Tbl_Comments[Comment],""),"")</f>
        <v/>
      </c>
      <c r="C482" s="9"/>
      <c r="D482" s="5"/>
      <c r="E482" s="6"/>
      <c r="F482" s="2"/>
    </row>
    <row r="483" spans="1:6" ht="14.1">
      <c r="A483" s="13"/>
      <c r="B483" s="22" t="str">
        <f>IF(Tbl_Dialogue[[#This Row],[Comment ID]]&lt;&gt;"",_xlfn.XLOOKUP(TEXT(Tbl_Dialogue[[#This Row],[Comment ID]],0),Tbl_Comments[Comment ID],Tbl_Comments[Comment],""),"")</f>
        <v/>
      </c>
      <c r="C483" s="9"/>
      <c r="D483" s="5"/>
      <c r="E483" s="6"/>
      <c r="F483" s="2"/>
    </row>
    <row r="484" spans="1:6" ht="14.1">
      <c r="A484" s="13"/>
      <c r="B484" s="22" t="str">
        <f>IF(Tbl_Dialogue[[#This Row],[Comment ID]]&lt;&gt;"",_xlfn.XLOOKUP(TEXT(Tbl_Dialogue[[#This Row],[Comment ID]],0),Tbl_Comments[Comment ID],Tbl_Comments[Comment],""),"")</f>
        <v/>
      </c>
      <c r="C484" s="9"/>
      <c r="D484" s="5"/>
      <c r="E484" s="6"/>
      <c r="F484" s="2"/>
    </row>
    <row r="485" spans="1:6" ht="14.1">
      <c r="A485" s="13"/>
      <c r="B485" s="22" t="str">
        <f>IF(Tbl_Dialogue[[#This Row],[Comment ID]]&lt;&gt;"",_xlfn.XLOOKUP(TEXT(Tbl_Dialogue[[#This Row],[Comment ID]],0),Tbl_Comments[Comment ID],Tbl_Comments[Comment],""),"")</f>
        <v/>
      </c>
      <c r="C485" s="9"/>
      <c r="D485" s="5"/>
      <c r="E485" s="6"/>
      <c r="F485" s="2"/>
    </row>
    <row r="486" spans="1:6" ht="14.1">
      <c r="A486" s="13"/>
      <c r="B486" s="22" t="str">
        <f>IF(Tbl_Dialogue[[#This Row],[Comment ID]]&lt;&gt;"",_xlfn.XLOOKUP(TEXT(Tbl_Dialogue[[#This Row],[Comment ID]],0),Tbl_Comments[Comment ID],Tbl_Comments[Comment],""),"")</f>
        <v/>
      </c>
      <c r="C486" s="9"/>
      <c r="D486" s="5"/>
      <c r="E486" s="6"/>
      <c r="F486" s="2"/>
    </row>
    <row r="487" spans="1:6" ht="14.1">
      <c r="A487" s="13"/>
      <c r="B487" s="22" t="str">
        <f>IF(Tbl_Dialogue[[#This Row],[Comment ID]]&lt;&gt;"",_xlfn.XLOOKUP(TEXT(Tbl_Dialogue[[#This Row],[Comment ID]],0),Tbl_Comments[Comment ID],Tbl_Comments[Comment],""),"")</f>
        <v/>
      </c>
      <c r="C487" s="9"/>
      <c r="D487" s="5"/>
      <c r="E487" s="6"/>
      <c r="F487" s="2"/>
    </row>
    <row r="488" spans="1:6" ht="14.1">
      <c r="A488" s="13"/>
      <c r="B488" s="22" t="str">
        <f>IF(Tbl_Dialogue[[#This Row],[Comment ID]]&lt;&gt;"",_xlfn.XLOOKUP(TEXT(Tbl_Dialogue[[#This Row],[Comment ID]],0),Tbl_Comments[Comment ID],Tbl_Comments[Comment],""),"")</f>
        <v/>
      </c>
      <c r="C488" s="9"/>
      <c r="D488" s="5"/>
      <c r="E488" s="6"/>
      <c r="F488" s="2"/>
    </row>
    <row r="489" spans="1:6" ht="14.1">
      <c r="A489" s="13"/>
      <c r="B489" s="22" t="str">
        <f>IF(Tbl_Dialogue[[#This Row],[Comment ID]]&lt;&gt;"",_xlfn.XLOOKUP(TEXT(Tbl_Dialogue[[#This Row],[Comment ID]],0),Tbl_Comments[Comment ID],Tbl_Comments[Comment],""),"")</f>
        <v/>
      </c>
      <c r="C489" s="9"/>
      <c r="D489" s="5"/>
      <c r="E489" s="6"/>
      <c r="F489" s="2"/>
    </row>
    <row r="490" spans="1:6" ht="14.1">
      <c r="A490" s="13"/>
      <c r="B490" s="22" t="str">
        <f>IF(Tbl_Dialogue[[#This Row],[Comment ID]]&lt;&gt;"",_xlfn.XLOOKUP(TEXT(Tbl_Dialogue[[#This Row],[Comment ID]],0),Tbl_Comments[Comment ID],Tbl_Comments[Comment],""),"")</f>
        <v/>
      </c>
      <c r="C490" s="9"/>
      <c r="D490" s="5"/>
      <c r="E490" s="6"/>
      <c r="F490" s="2"/>
    </row>
    <row r="491" spans="1:6" ht="14.1">
      <c r="A491" s="13"/>
      <c r="B491" s="22" t="str">
        <f>IF(Tbl_Dialogue[[#This Row],[Comment ID]]&lt;&gt;"",_xlfn.XLOOKUP(TEXT(Tbl_Dialogue[[#This Row],[Comment ID]],0),Tbl_Comments[Comment ID],Tbl_Comments[Comment],""),"")</f>
        <v/>
      </c>
      <c r="C491" s="9"/>
      <c r="D491" s="5"/>
      <c r="E491" s="6"/>
      <c r="F491" s="2"/>
    </row>
  </sheetData>
  <sheetProtection algorithmName="SHA-512" hashValue="bLd57fSqXtHg2l3MA9ALzc650zIjYy8j4m4548xsorp++xRHARtnmd3l/dkasLE/N2EPYHtC6SopbSsBUsVvgg==" saltValue="7f3Lo2EoOw7SnNRl3a7iEg==" spinCount="100000" sheet="1" formatCells="0" formatColumns="0" formatRows="0" insertRows="0" sort="0" autoFilter="0"/>
  <protectedRanges>
    <protectedRange sqref="A4:F491" name="Follow up Response Dialogue Table"/>
  </protectedRanges>
  <conditionalFormatting sqref="F5:F491">
    <cfRule type="expression" dxfId="22" priority="1">
      <formula>$C5=LCA_Assessor</formula>
    </cfRule>
  </conditionalFormatting>
  <dataValidations count="5">
    <dataValidation type="list" allowBlank="1" showInputMessage="1" showErrorMessage="1" promptTitle="Note" prompt="Drop-down options are from the Review Details sheet." sqref="C5:C491" xr:uid="{D8251F0D-5F29-49CE-AB42-4FE9A544D9F0}">
      <formula1>INDIRECT("'Review Details'!$B$2:$B$4")</formula1>
    </dataValidation>
    <dataValidation type="list" allowBlank="1" showInputMessage="1" showErrorMessage="1" promptTitle="Note" prompt="Status is only to be selected by the Reviewer. Assessor does not select a new Status." sqref="F5:F491" xr:uid="{928C95BA-CDBF-4813-BCCA-59CE5505FDF3}">
      <formula1>INDIRECT("Lists!$C$3:$C$6")</formula1>
    </dataValidation>
    <dataValidation type="whole" operator="greaterThan" allowBlank="1" showInputMessage="1" showErrorMessage="1" promptTitle="INSTRUCTIONS" prompt="Comment ID input must match a Comment ID on the Comment List._x000a__x000a_On first response to Reviewer comments, the assessor should list all comments they will respond to, in this column." sqref="A5:A491" xr:uid="{8207CF05-39B4-4CE6-AACF-F7A48EA00A90}">
      <formula1>0</formula1>
    </dataValidation>
    <dataValidation type="date" operator="greaterThanOrEqual" allowBlank="1" showInputMessage="1" showErrorMessage="1" errorTitle="Date column input" error="Please input a date after 01/01/2025" sqref="E5:E491" xr:uid="{81FAE328-1CB2-43E9-B793-A0F344282574}">
      <formula1>45658</formula1>
    </dataValidation>
    <dataValidation allowBlank="1" showInputMessage="1" showErrorMessage="1" promptTitle="VISIBILITY TIP" prompt="If the comment is not fully visible:_x000a_1. Select relevant rows in the table_x000a_2. Go to Home tab, and the Cells group._x000a_3. Click Format &gt; AutoFit Row Height._x000a__x000a_This will auto-resize the rows to suit the content in the locked Comment column." sqref="B5:B491 B4" xr:uid="{8FFBEB03-7B4D-4E9C-8063-6B08E6D2BD06}"/>
  </dataValidations>
  <pageMargins left="0.7" right="0.7" top="0.75" bottom="0.75" header="0.3" footer="0.3"/>
  <pageSetup paperSize="9" orientation="portrait" horizontalDpi="300" verticalDpi="300" r:id="rId1"/>
  <headerFooter>
    <oddHeader>&amp;L&amp;</oddHeader>
  </headerFooter>
  <drawing r:id="rId2"/>
  <tableParts count="1">
    <tablePart r:id="rId3"/>
  </tableParts>
  <extLst>
    <ext xmlns:x14="http://schemas.microsoft.com/office/spreadsheetml/2009/9/main" uri="{78C0D931-6437-407d-A8EE-F0AAD7539E65}">
      <x14:conditionalFormattings>
        <x14:conditionalFormatting xmlns:xm="http://schemas.microsoft.com/office/excel/2006/main">
          <x14:cfRule type="containsText" priority="11" operator="containsText" id="{2AF824FF-5028-4D03-BB39-775520950F6C}">
            <xm:f>NOT(ISERROR(SEARCH(Lists!$C$6,F5)))</xm:f>
            <xm:f>Lists!$C$6</xm:f>
            <x14:dxf>
              <font>
                <color theme="2"/>
              </font>
              <fill>
                <patternFill>
                  <bgColor theme="1"/>
                </patternFill>
              </fill>
            </x14:dxf>
          </x14:cfRule>
          <x14:cfRule type="containsText" priority="12" operator="containsText" id="{496BA537-E018-40DF-9C28-6FFD971E1F33}">
            <xm:f>NOT(ISERROR(SEARCH(Lists!$C$5,F5)))</xm:f>
            <xm:f>Lists!$C$5</xm:f>
            <x14:dxf>
              <font>
                <color theme="2"/>
              </font>
              <fill>
                <patternFill>
                  <bgColor rgb="FFFFC000"/>
                </patternFill>
              </fill>
            </x14:dxf>
          </x14:cfRule>
          <x14:cfRule type="containsText" priority="13" operator="containsText" id="{A9A07736-0891-4230-A4F7-6CB23AA99C98}">
            <xm:f>NOT(ISERROR(SEARCH(Lists!$C$4,F5)))</xm:f>
            <xm:f>Lists!$C$4</xm:f>
            <x14:dxf>
              <fill>
                <patternFill>
                  <bgColor rgb="FFFFFF00"/>
                </patternFill>
              </fill>
            </x14:dxf>
          </x14:cfRule>
          <x14:cfRule type="containsText" priority="14" operator="containsText" id="{B7089968-483C-4D3C-9AB2-ADA9DC0E1A97}">
            <xm:f>NOT(ISERROR(SEARCH(Lists!$C$3,F5)))</xm:f>
            <xm:f>Lists!$C$3</xm:f>
            <x14:dxf>
              <fill>
                <patternFill>
                  <bgColor rgb="FF92D050"/>
                </patternFill>
              </fill>
            </x14:dxf>
          </x14:cfRule>
          <xm:sqref>F5:F491</xm:sqref>
        </x14:conditionalFormatting>
      </x14:conditionalFormatting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506D6C7-C834-4649-96F7-70FD74D19CC7}">
  <sheetPr>
    <tabColor rgb="FF00B0F0"/>
  </sheetPr>
  <dimension ref="A1:G9"/>
  <sheetViews>
    <sheetView showGridLines="0" workbookViewId="0">
      <selection activeCell="B18" sqref="B18"/>
    </sheetView>
  </sheetViews>
  <sheetFormatPr defaultRowHeight="14.1" outlineLevelRow="1"/>
  <cols>
    <col min="1" max="1" width="2" customWidth="1"/>
    <col min="2" max="2" width="68.375" customWidth="1"/>
    <col min="3" max="4" width="26.375" customWidth="1"/>
    <col min="5" max="5" width="25" customWidth="1"/>
    <col min="6" max="6" width="18.625" customWidth="1"/>
    <col min="7" max="7" width="17.625" customWidth="1"/>
  </cols>
  <sheetData>
    <row r="1" spans="1:7" ht="20.25" customHeight="1">
      <c r="A1" s="18" t="s">
        <v>19</v>
      </c>
      <c r="B1" s="3"/>
      <c r="C1" s="3"/>
      <c r="D1" s="3"/>
      <c r="E1" s="3"/>
    </row>
    <row r="2" spans="1:7" ht="70.5" customHeight="1" outlineLevel="1"/>
    <row r="3" spans="1:7" ht="42">
      <c r="B3" t="s">
        <v>123</v>
      </c>
      <c r="C3" s="1" t="s">
        <v>124</v>
      </c>
      <c r="D3" s="1" t="s">
        <v>125</v>
      </c>
      <c r="E3" t="s">
        <v>126</v>
      </c>
      <c r="F3" t="s">
        <v>127</v>
      </c>
      <c r="G3" s="1" t="s">
        <v>128</v>
      </c>
    </row>
    <row r="4" spans="1:7">
      <c r="B4" s="9"/>
      <c r="C4" s="10"/>
      <c r="D4" s="11"/>
      <c r="E4" s="5"/>
      <c r="F4" s="5"/>
      <c r="G4" s="12"/>
    </row>
    <row r="5" spans="1:7">
      <c r="B5" s="9"/>
      <c r="C5" s="10"/>
      <c r="D5" s="11"/>
      <c r="E5" s="5"/>
      <c r="F5" s="5"/>
      <c r="G5" s="12"/>
    </row>
    <row r="6" spans="1:7">
      <c r="B6" s="9"/>
      <c r="C6" s="10"/>
      <c r="D6" s="11"/>
      <c r="E6" s="5"/>
      <c r="F6" s="5"/>
      <c r="G6" s="12"/>
    </row>
    <row r="7" spans="1:7">
      <c r="B7" s="9"/>
      <c r="C7" s="10"/>
      <c r="D7" s="11"/>
      <c r="E7" s="5"/>
      <c r="F7" s="5"/>
      <c r="G7" s="12"/>
    </row>
    <row r="8" spans="1:7">
      <c r="B8" s="9"/>
      <c r="C8" s="10"/>
      <c r="D8" s="11"/>
      <c r="E8" s="5"/>
      <c r="F8" s="5"/>
      <c r="G8" s="12"/>
    </row>
    <row r="9" spans="1:7">
      <c r="B9" s="9"/>
      <c r="C9" s="10"/>
      <c r="D9" s="11"/>
      <c r="E9" s="5"/>
      <c r="F9" s="5"/>
      <c r="G9" s="12"/>
    </row>
  </sheetData>
  <sheetProtection algorithmName="SHA-512" hashValue="oP+I6fciHnzfjeCOeFh7I4lnFAEtXmzWUJVASgM4Js34fbexDag4odGt9zsUDz+yxZOL8WFoy01oJFAF5kF18Q==" saltValue="jfc9zty7fj7JvcKbu80y1w==" spinCount="100000" sheet="1" formatRows="0" insertRows="0" deleteColumns="0" deleteRows="0"/>
  <dataValidations count="5">
    <dataValidation type="list" allowBlank="1" showInputMessage="1" showErrorMessage="1" sqref="G4:G9" xr:uid="{37ED29F2-2080-4DE9-8F16-692557F19D94}">
      <formula1>INDIRECT("Tbl_Comments[Comment ID]")</formula1>
    </dataValidation>
    <dataValidation allowBlank="1" showInputMessage="1" showErrorMessage="1" promptTitle="GUIDANCE" prompt="Identify a critical stage, beyond which the identified risk will materialise, or the opportunity will be missed." sqref="F4:F9" xr:uid="{BFA5B1B7-713E-41A5-88CB-73E26DCFC013}"/>
    <dataValidation allowBlank="1" showInputMessage="1" showErrorMessage="1" promptTitle="GUIDANCE" prompt="Identify a lead party who will be responsible for managing this risk or opportunity." sqref="E4:E9" xr:uid="{FE5E7083-E20A-487C-B4D6-0F8206878D91}"/>
    <dataValidation allowBlank="1" showInputMessage="1" showErrorMessage="1" promptTitle="GUIDANCE" prompt="Estimate the impact on whole-life carbon." sqref="D4:D9" xr:uid="{CAF013F1-9C83-4B98-9560-CD4CCFA63323}"/>
    <dataValidation allowBlank="1" showInputMessage="1" showErrorMessage="1" promptTitle="GUIDANCE" prompt="Identify the risk or opportunity relevant to the project's carbon impact. Risks and opportunities are to be managed through to completion." sqref="B4:B9" xr:uid="{D2C0682A-6E4F-4ABE-BE1E-E3378CDB7D3D}"/>
  </dataValidations>
  <pageMargins left="0.7" right="0.7" top="0.75" bottom="0.75" header="0.3" footer="0.3"/>
  <pageSetup paperSize="9" orientation="portrait" r:id="rId1"/>
  <headerFooter>
    <oddHeader>&amp;L&amp;</oddHeader>
  </headerFooter>
  <drawing r:id="rId2"/>
  <tableParts count="1">
    <tablePart r:id="rId3"/>
  </tableParts>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93A19EA-F653-4056-81B7-8A12BC407766}">
  <dimension ref="A1:C8"/>
  <sheetViews>
    <sheetView workbookViewId="0">
      <selection activeCell="G4" sqref="G4"/>
    </sheetView>
  </sheetViews>
  <sheetFormatPr defaultRowHeight="14.1"/>
  <cols>
    <col min="1" max="1" width="23.875" bestFit="1" customWidth="1"/>
    <col min="2" max="2" width="3.25" customWidth="1"/>
    <col min="3" max="3" width="9.75" customWidth="1"/>
  </cols>
  <sheetData>
    <row r="1" spans="1:3" ht="135" customHeight="1"/>
    <row r="2" spans="1:3">
      <c r="A2" t="s">
        <v>129</v>
      </c>
      <c r="C2" t="s">
        <v>130</v>
      </c>
    </row>
    <row r="3" spans="1:3">
      <c r="A3" t="s">
        <v>28</v>
      </c>
      <c r="C3" t="s">
        <v>131</v>
      </c>
    </row>
    <row r="4" spans="1:3">
      <c r="A4" t="s">
        <v>64</v>
      </c>
      <c r="C4" t="s">
        <v>132</v>
      </c>
    </row>
    <row r="5" spans="1:3">
      <c r="A5" t="s">
        <v>133</v>
      </c>
      <c r="C5" t="s">
        <v>134</v>
      </c>
    </row>
    <row r="6" spans="1:3">
      <c r="A6" t="s">
        <v>135</v>
      </c>
      <c r="C6" t="s">
        <v>6</v>
      </c>
    </row>
    <row r="7" spans="1:3">
      <c r="A7" t="s">
        <v>36</v>
      </c>
    </row>
    <row r="8" spans="1:3">
      <c r="A8" t="s">
        <v>83</v>
      </c>
    </row>
  </sheetData>
  <sheetProtection algorithmName="SHA-512" hashValue="Chnaqbe7idQUhSGfgi1PNQcI91ONRUpa1UABYVKHo2ucltGOjiOYuPFtUfYi9VePX29FlaTFEJAIXZnsOyt+BQ==" saltValue="ZTSTBC3h9Pn7s+iY3NwA3Q==" spinCount="100000" sheet="1" objects="1" scenarios="1"/>
  <pageMargins left="0.7" right="0.7" top="0.75" bottom="0.75" header="0.3" footer="0.3"/>
  <pageSetup paperSize="9" orientation="portrait" r:id="rId1"/>
  <headerFooter>
    <oddHeader>&amp;L&amp;</oddHeader>
  </headerFooter>
  <drawing r:id="rId2"/>
  <tableParts count="2">
    <tablePart r:id="rId3"/>
    <tablePart r:id="rId4"/>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10.xml>��< ? x m l   v e r s i o n = " 1 . 0 "   e n c o d i n g = " U T F - 1 6 " ? > < G e m i n i   x m l n s = " h t t p : / / g e m i n i / p i v o t c u s t o m i z a t i o n / T a b l e X M L _ T b l _ C o m m e n t s " > < C u s t o m C o n t e n t > < ! [ C D A T A [ < T a b l e W i d g e t G r i d S e r i a l i z a t i o n   x m l n s : x s d = " h t t p : / / w w w . w 3 . o r g / 2 0 0 1 / X M L S c h e m a "   x m l n s : x s i = " h t t p : / / w w w . w 3 . o r g / 2 0 0 1 / X M L S c h e m a - i n s t a n c e " > < C o l u m n S u g g e s t e d T y p e > < i t e m > < k e y > < s t r i n g > C o m m e n t   I D < / s t r i n g > < / k e y > < v a l u e > < s t r i n g > E m p t y < / s t r i n g > < / v a l u e > < / i t e m > < / C o l u m n S u g g e s t e d T y p e > < C o l u m n F o r m a t   / > < C o l u m n A c c u r a c y   / > < C o l u m n C u r r e n c y S y m b o l   / > < C o l u m n P o s i t i v e P a t t e r n   / > < C o l u m n N e g a t i v e P a t t e r n   / > < C o l u m n W i d t h s > < i t e m > < k e y > < s t r i n g > C o m m e n t   I D < / s t r i n g > < / k e y > < v a l u e > < i n t > 2 2 1 < / i n t > < / v a l u e > < / i t e m > < i t e m > < k e y > < s t r i n g > C o m m e n t < / s t r i n g > < / k e y > < v a l u e > < i n t > 9 7 7 < / i n t > < / v a l u e > < / i t e m > < i t e m > < k e y > < s t r i n g > R e l e v a n c e < / s t r i n g > < / k e y > < v a l u e > < i n t > 1 9 9 < / i n t > < / v a l u e > < / i t e m > < i t e m > < k e y > < s t r i n g > O p e n i n g   S t a t u s < / s t r i n g > < / k e y > < v a l u e > < i n t > 2 6 4 < / i n t > < / v a l u e > < / i t e m > < i t e m > < k e y > < s t r i n g > D a t e < / s t r i n g > < / k e y > < v a l u e > < i n t > 1 2 0 < / i n t > < / v a l u e > < / i t e m > < i t e m > < k e y > < s t r i n g > L a t e s t   S t a t u s < / s t r i n g > < / k e y > < v a l u e > < i n t > 2 3 1 < / i n t > < / v a l u e > < / i t e m > < i t e m > < k e y > < s t r i n g > L a t e s t   d a t e < / s t r i n g > < / k e y > < v a l u e > < i n t > 2 0 4 < / i n t > < / v a l u e > < / i t e m > < / C o l u m n W i d t h s > < C o l u m n D i s p l a y I n d e x > < i t e m > < k e y > < s t r i n g > C o m m e n t   I D < / s t r i n g > < / k e y > < v a l u e > < i n t > 0 < / i n t > < / v a l u e > < / i t e m > < i t e m > < k e y > < s t r i n g > C o m m e n t < / s t r i n g > < / k e y > < v a l u e > < i n t > 1 < / i n t > < / v a l u e > < / i t e m > < i t e m > < k e y > < s t r i n g > R e l e v a n c e < / s t r i n g > < / k e y > < v a l u e > < i n t > 2 < / i n t > < / v a l u e > < / i t e m > < i t e m > < k e y > < s t r i n g > O p e n i n g   S t a t u s < / s t r i n g > < / k e y > < v a l u e > < i n t > 3 < / i n t > < / v a l u e > < / i t e m > < i t e m > < k e y > < s t r i n g > D a t e < / s t r i n g > < / k e y > < v a l u e > < i n t > 4 < / i n t > < / v a l u e > < / i t e m > < i t e m > < k e y > < s t r i n g > L a t e s t   S t a t u s < / s t r i n g > < / k e y > < v a l u e > < i n t > 5 < / i n t > < / v a l u e > < / i t e m > < i t e m > < k e y > < s t r i n g > L a t e s t   d a t e < / s t r i n g > < / k e y > < v a l u e > < i n t > 6 < / i n t > < / v a l u e > < / i t e m > < / C o l u m n D i s p l a y I n d e x > < C o l u m n F r o z e n   / > < C o l u m n C h e c k e d   / > < C o l u m n F i l t e r > < i t e m > < k e y > < s t r i n g > C o m m e n t   I D < / s t r i n g > < / k e y > < v a l u e > < F i l t e r E x p r e s s i o n   x s i : n i l = " t r u e "   / > < / v a l u e > < / i t e m > < / C o l u m n F i l t e r > < S e l e c t i o n F i l t e r > < i t e m > < k e y > < s t r i n g > C o m m e n t   I D < / s t r i n g > < / k e y > < v a l u e > < S e l e c t i o n F i l t e r > < S e l e c t i o n T y p e > D e s e l e c t < / S e l e c t i o n T y p e > < I t e m s > < a n y T y p e   x s i : n i l = " t r u e "   / > < a n y T y p e   x s i : t y p e = " x s d : s t r i n g "   / > < / I t e m s > < / S e l e c t i o n F i l t e r > < / v a l u e > < / i t e m > < / S e l e c t i o n F i l t e r > < F i l t e r P a r a m e t e r s > < i t e m > < k e y > < s t r i n g > C o m m e n t   I D < / s t r i n g > < / k e y > < v a l u e > < C o m m a n d P a r a m e t e r s   / > < / v a l u e > < / i t e m > < / F i l t e r P a r a m e t e r s > < S o r t B y C o l u m n > C o m m e n t   I D < / S o r t B y C o l u m n > < I s S o r t D e s c e n d i n g > f a l s e < / I s S o r t D e s c e n d i n g > < / T a b l e W i d g e t G r i d S e r i a l i z a t i o n > ] ] > < / C u s t o m C o n t e n t > < / G e m i n i > 
</file>

<file path=customXml/item11.xml>��< ? x m l   v e r s i o n = " 1 . 0 "   e n c o d i n g = " U T F - 1 6 " ? > < G e m i n i   x m l n s = " h t t p : / / g e m i n i / p i v o t c u s t o m i z a t i o n / P o w e r P i v o t V e r s i o n " > < C u s t o m C o n t e n t > < ! [ C D A T A [ 2 0 1 5 . 1 3 0 . 1 6 0 5 . 1 5 6 7 ] ] > < / C u s t o m C o n t e n t > < / G e m i n i > 
</file>

<file path=customXml/item12.xml>��< ? x m l   v e r s i o n = " 1 . 0 "   e n c o d i n g = " U T F - 1 6 " ? > < G e m i n i   x m l n s = " h t t p : / / g e m i n i / p i v o t c u s t o m i z a t i o n / C l i e n t W i n d o w X M L " > < C u s t o m C o n t e n t > < ! [ C D A T A [ T b l _ C o m m e n t s ] ] > < / C u s t o m C o n t e n t > < / G e m i n i > 
</file>

<file path=customXml/item13.xml>��< ? x m l   v e r s i o n = " 1 . 0 "   e n c o d i n g = " U T F - 1 6 " ? > < G e m i n i   x m l n s = " h t t p : / / g e m i n i / p i v o t c u s t o m i z a t i o n / E r r o r C a c h e " > < C u s t o m C o n t e n t > < ! [ C D A T A [ < D a t a M o d e l i n g S a n d b o x . S e r i a l i z e d S a n d b o x E r r o r C a c h e   x m l n s = " h t t p : / / s c h e m a s . d a t a c o n t r a c t . o r g / 2 0 0 4 / 0 7 / M i c r o s o f t . A n a l y s i s S e r v i c e s . B a c k E n d "   x m l n s : i = " h t t p : / / w w w . w 3 . o r g / 2 0 0 1 / X M L S c h e m a - i n s t a n c e " > < E r r o r C a c h e D i c t i o n a r y   x m l n s : a = " h t t p : / / s c h e m a s . m i c r o s o f t . c o m / 2 0 0 3 / 1 0 / S e r i a l i z a t i o n / A r r a y s " / > < L a s t P r o c e s s e d T i m e > 2 0 2 4 - 1 2 - 0 6 T 1 8 : 3 1 : 4 2 . 8 6 2 9 7 3 7 + 0 0 : 0 0 < / L a s t P r o c e s s e d T i m e > < / D a t a M o d e l i n g S a n d b o x . S e r i a l i z e d S a n d b o x E r r o r C a c h e > ] ] > < / C u s t o m C o n t e n t > < / G e m i n i > 
</file>

<file path=customXml/item14.xml>��< ? x m l   v e r s i o n = " 1 . 0 "   e n c o d i n g = " U T F - 1 6 " ? > < G e m i n i   x m l n s = " h t t p : / / g e m i n i / p i v o t c u s t o m i z a t i o n / S h o w H i d d e n " > < C u s t o m C o n t e n t > < ! [ C D A T A [ T r u e ] ] > < / C u s t o m C o n t e n t > < / G e m i n i > 
</file>

<file path=customXml/item15.xml>��< ? x m l   v e r s i o n = " 1 . 0 "   e n c o d i n g = " U T F - 1 6 " ? > < G e m i n i   x m l n s = " h t t p : / / g e m i n i / p i v o t c u s t o m i z a t i o n / T a b l e X M L _ T b l _ D i a l o g u e " > < C u s t o m C o n t e n t > < ! [ C D A T A [ < T a b l e W i d g e t G r i d S e r i a l i z a t i o n   x m l n s : x s d = " h t t p : / / w w w . w 3 . o r g / 2 0 0 1 / X M L S c h e m a "   x m l n s : x s i = " h t t p : / / w w w . w 3 . o r g / 2 0 0 1 / X M L S c h e m a - i n s t a n c e " > < C o l u m n S u g g e s t e d T y p e > < i t e m > < k e y > < s t r i n g > C o m m e n t   I D < / s t r i n g > < / k e y > < v a l u e > < s t r i n g > E m p t y < / s t r i n g > < / v a l u e > < / i t e m > < / C o l u m n S u g g e s t e d T y p e > < C o l u m n F o r m a t   / > < C o l u m n A c c u r a c y   / > < C o l u m n C u r r e n c y S y m b o l   / > < C o l u m n P o s i t i v e P a t t e r n   / > < C o l u m n N e g a t i v e P a t t e r n   / > < C o l u m n W i d t h s > < i t e m > < k e y > < s t r i n g > C o m m e n t   I D < / s t r i n g > < / k e y > < v a l u e > < i n t > 2 2 1 < / i n t > < / v a l u e > < / i t e m > < i t e m > < k e y > < s t r i n g > C o m m e n t < / s t r i n g > < / k e y > < v a l u e > < i n t > 7 1 3 < / i n t > < / v a l u e > < / i t e m > < i t e m > < k e y > < s t r i n g > R e s p o n d e r < / s t r i n g > < / k e y > < v a l u e > < i n t > 2 0 6 < / i n t > < / v a l u e > < / i t e m > < i t e m > < k e y > < s t r i n g > R e s p o n s e < / s t r i n g > < / k e y > < v a l u e > < i n t > 1 9 4 < / i n t > < / v a l u e > < / i t e m > < i t e m > < k e y > < s t r i n g > D a t e < / s t r i n g > < / k e y > < v a l u e > < i n t > 1 2 0 < / i n t > < / v a l u e > < / i t e m > < i t e m > < k e y > < s t r i n g > S t a t u s < / s t r i n g > < / k e y > < v a l u e > < i n t > 1 4 3 < / i n t > < / v a l u e > < / i t e m > < / C o l u m n W i d t h s > < C o l u m n D i s p l a y I n d e x > < i t e m > < k e y > < s t r i n g > C o m m e n t   I D < / s t r i n g > < / k e y > < v a l u e > < i n t > 0 < / i n t > < / v a l u e > < / i t e m > < i t e m > < k e y > < s t r i n g > C o m m e n t < / s t r i n g > < / k e y > < v a l u e > < i n t > 1 < / i n t > < / v a l u e > < / i t e m > < i t e m > < k e y > < s t r i n g > R e s p o n d e r < / s t r i n g > < / k e y > < v a l u e > < i n t > 2 < / i n t > < / v a l u e > < / i t e m > < i t e m > < k e y > < s t r i n g > R e s p o n s e < / s t r i n g > < / k e y > < v a l u e > < i n t > 3 < / i n t > < / v a l u e > < / i t e m > < i t e m > < k e y > < s t r i n g > D a t e < / s t r i n g > < / k e y > < v a l u e > < i n t > 4 < / i n t > < / v a l u e > < / i t e m > < i t e m > < k e y > < s t r i n g > S t a t u s < / s t r i n g > < / k e y > < v a l u e > < i n t > 5 < / i n t > < / v a l u e > < / i t e m > < / C o l u m n D i s p l a y I n d e x > < C o l u m n F r o z e n   / > < C o l u m n C h e c k e d   / > < C o l u m n F i l t e r   / > < S e l e c t i o n F i l t e r   / > < F i l t e r P a r a m e t e r s   / > < I s S o r t D e s c e n d i n g > f a l s e < / I s S o r t D e s c e n d i n g > < / T a b l e W i d g e t G r i d S e r i a l i z a t i o n > ] ] > < / C u s t o m C o n t e n t > < / G e m i n i > 
</file>

<file path=customXml/item16.xml>��< ? x m l   v e r s i o n = " 1 . 0 "   e n c o d i n g = " U T F - 1 6 " ? > < G e m i n i   x m l n s = " h t t p : / / g e m i n i / p i v o t c u s t o m i z a t i o n / D i a g r a m s " > < C u s t o m C o n t e n t > < ! [ C D A T A [ < A r r a y O f D i a g r a m M a n a g e r . S e r i a l i z a b l e D i a g r a m   x m l n s = " h t t p : / / s c h e m a s . d a t a c o n t r a c t . o r g / 2 0 0 4 / 0 7 / M i c r o s o f t . A n a l y s i s S e r v i c e s . C o m m o n "   x m l n s : i = " h t t p : / / w w w . w 3 . o r g / 2 0 0 1 / X M L S c h e m a - i n s t a n c e " > < D i a g r a m M a n a g e r . S e r i a l i z a b l e D i a g r a m > < A d a p t e r   i : t y p e = " E R D i a g r a m S a n d b o x A d a p t e r " > < P e r s p e c t i v e N a m e / > < / A d a p t e r > < D i a g r a m T y p e > E R D i a g r a m < / D i a g r a m T y p e > < D i s p l a y C o n t e x t   i : t y p e = " D i a g r a m D i s p l a y C o n t e x t " > < P r i m a r y T a g G r o u p K e y > < K e y > T a g G r o u p s \ N o d e   T y p e s < / K e y > < / P r i m a r y T a g G r o u p K e y > < S h o w H i d d e n > t r u e < / S h o w H i d d e n > < S h o w n T a g G r o u p K e y s > < D i a g r a m O b j e c t K e y > < K e y > T a g G r o u p s \ W a r n i n g s < / K e y > < / D i a g r a m O b j e c t K e y > < / S h o w n T a g G r o u p K e y s > < T a g G r o u p H i g h l i g h t s K e y > < K e y > T a g G r o u p s \ H i g h l i g h t   R e a s o n s < / K e y > < / T a g G r o u p H i g h l i g h t s K e y > < T a g H i d d e n K e y > < K e y > S t a t i c   T a g s \ H i d d e n < / K e y > < / T a g H i d d e n K e y > < T a g H i g h l i g h t D i s a p p e a r i n g K e y > < K e y > S t a t i c   T a g s \ D e l e t i n g < / K e y > < / T a g H i g h l i g h t D i s a p p e a r i n g K e y > < T a g H i g h l i g h t P r e v i e w L i n k C r e a t i o n K e y > < K e y > S t a t i c   T a g s \ C r e a t i n g   V a l i d   R e l a t i o n s h i p < / K e y > < / T a g H i g h l i g h t P r e v i e w L i n k C r e a t i o n K e y > < T a g H i g h l i g h t R e l a t e d K e y > < K e y > S t a t i c   T a g s \ R e l a t e d < / K e y > < / T a g H i g h l i g h t R e l a t e d K e y > < T a g H i n t T e x t K e y > < K e y > S t a t i c   T a g s \ H i n t   T e x t < / K e y > < / T a g H i n t T e x t K e y > < T a g I m p l i c i t M e a s u r e K e y > < K e y > S t a t i c   T a g s \ I s   I m p l i c i t   M e a s u r e < / K e y > < / T a g I m p l i c i t M e a s u r e K e y > < T a g I n a c t i v e K e y > < K e y > S t a t i c   T a g s \ I n a c t i v e < / K e y > < / T a g I n a c t i v e K e y > < T a g P r e v i e w A c t i v e K e y > < K e y > S t a t i c   T a g s \ P r e v i e w   A c t i v e < / K e y > < / T a g P r e v i e w A c t i v e K e y > < T a g P r e v i e w I n a c t i v e K e y > < K e y > S t a t i c   T a g s \ P r e v i e w   I n a c t i v e < / K e y > < / T a g P r e v i e w I n a c t i v e K e y > < / D i s p l a y C o n t e x t > < D i s p l a y T y p e > D i a g r a m D i s p l a y < / D i s p l a y T y p e > < K e y   i : t y p e = " S a n d b o x E d i t o r D i a g r a m K e y " > < P e r s p e c t i v e / > < / K e y > < M a i n t a i n e r   i : t y p e = " E R D i a g r a m . E R D i a g r a m M a i n t a i n e r " > < A l l K e y s > < D i a g r a m O b j e c t K e y > < K e y > E R   D i a g r a m < / K e y > < / D i a g r a m O b j e c t K e y > < D i a g r a m O b j e c t K e y > < K e y > A c t i o n s \ D e l e t e < / K e y > < / D i a g r a m O b j e c t K e y > < D i a g r a m O b j e c t K e y > < K e y > A c t i o n s \ D e l e t e   f r o m   m o d e l < / K e y > < / D i a g r a m O b j e c t K e y > < D i a g r a m O b j e c t K e y > < K e y > A c t i o n s \ S e l e c t < / K e y > < / D i a g r a m O b j e c t K e y > < D i a g r a m O b j e c t K e y > < K e y > A c t i o n s \ C r e a t e   R e l a t i o n s h i p < / K e y > < / D i a g r a m O b j e c t K e y > < D i a g r a m O b j e c t K e y > < K e y > A c t i o n s \ L a u n c h   C r e a t e   R e l a t i o n s h i p   D i a l o g < / K e y > < / D i a g r a m O b j e c t K e y > < D i a g r a m O b j e c t K e y > < K e y > A c t i o n s \ L a u n c h   E d i t   R e l a t i o n s h i p   D i a l o g < / K e y > < / D i a g r a m O b j e c t K e y > < D i a g r a m O b j e c t K e y > < K e y > A c t i o n s \ C r e a t e   H i e r a r c h y   w i t h   L e v e l s < / K e y > < / D i a g r a m O b j e c t K e y > < D i a g r a m O b j e c t K e y > < K e y > A c t i o n s \ C r e a t e   E m p t y   H i e r a r c h y < / K e y > < / D i a g r a m O b j e c t K e y > < D i a g r a m O b j e c t K e y > < K e y > A c t i o n s \ R e m o v e   f r o m   H i e r a r c h y < / K e y > < / D i a g r a m O b j e c t K e y > < D i a g r a m O b j e c t K e y > < K e y > A c t i o n s \ R e n a m e   N o d e < / K e y > < / D i a g r a m O b j e c t K e y > < D i a g r a m O b j e c t K e y > < K e y > A c t i o n s \ M o v e   N o d e < / K e y > < / D i a g r a m O b j e c t K e y > < D i a g r a m O b j e c t K e y > < K e y > A c t i o n s \ H i d e   t h e   e n t i t y < / K e y > < / D i a g r a m O b j e c t K e y > < D i a g r a m O b j e c t K e y > < K e y > A c t i o n s \ U n h i d e   t h e   e n t i t y < / K e y > < / D i a g r a m O b j e c t K e y > < D i a g r a m O b j e c t K e y > < K e y > A c t i o n s \ G o T o < / K e y > < / D i a g r a m O b j e c t K e y > < D i a g r a m O b j e c t K e y > < K e y > A c t i o n s \ M o v e   U p < / K e y > < / D i a g r a m O b j e c t K e y > < D i a g r a m O b j e c t K e y > < K e y > A c t i o n s \ M o v e   D o w n < / K e y > < / D i a g r a m O b j e c t K e y > < D i a g r a m O b j e c t K e y > < K e y > A c t i o n s \ M a r k   R e l a t i o n s h i p   a s   A c t i v e < / K e y > < / D i a g r a m O b j e c t K e y > < D i a g r a m O b j e c t K e y > < K e y > A c t i o n s \ M a r k   R e l a t i o n s h i p   a s   I n a c t i v e < / K e y > < / D i a g r a m O b j e c t K e y > < D i a g r a m O b j e c t K e y > < K e y > A c t i o n s \ R e l a t i o n s h i p   C r o s s   F i l t e r   D i r e c t i o n   S i n g l e < / K e y > < / D i a g r a m O b j e c t K e y > < D i a g r a m O b j e c t K e y > < K e y > A c t i o n s \ R e l a t i o n s h i p   C r o s s   F i l t e r   D i r e c t i o n   B o t h < / K e y > < / D i a g r a m O b j e c t K e y > < D i a g r a m O b j e c t K e y > < K e y > A c t i o n s \ R e l a t i o n s h i p   E n d   P o i n t   M u l t i p l i c i t y   O n e < / K e y > < / D i a g r a m O b j e c t K e y > < D i a g r a m O b j e c t K e y > < K e y > A c t i o n s \ R e l a t i o n s h i p   E n d   P o i n t   M u l t i p l i c i t y   M a n y < / K e y > < / D i a g r a m O b j e c t K e y > < D i a g r a m O b j e c t K e y > < K e y > T a g G r o u p s \ N o d e   T y p e s < / K e y > < / D i a g r a m O b j e c t K e y > < D i a g r a m O b j e c t K e y > < K e y > T a g G r o u p s \ A d d i t i o n a l   I n f o   T y p e s < / K e y > < / D i a g r a m O b j e c t K e y > < D i a g r a m O b j e c t K e y > < K e y > T a g G r o u p s \ C a l c u l a t e d   C o l u m n s < / K e y > < / D i a g r a m O b j e c t K e y > < D i a g r a m O b j e c t K e y > < K e y > T a g G r o u p s \ W a r n i n g s < / K e y > < / D i a g r a m O b j e c t K e y > < D i a g r a m O b j e c t K e y > < K e y > T a g G r o u p s \ H i g h l i g h t   R e a s o n s < / K e y > < / D i a g r a m O b j e c t K e y > < D i a g r a m O b j e c t K e y > < K e y > T a g G r o u p s \ S t a t e < / K e y > < / D i a g r a m O b j e c t K e y > < D i a g r a m O b j e c t K e y > < K e y > T a g G r o u p s \ L i n k   R o l e s < / K e y > < / D i a g r a m O b j e c t K e y > < D i a g r a m O b j e c t K e y > < K e y > T a g G r o u p s \ L i n k   T y p e s < / K e y > < / D i a g r a m O b j e c t K e y > < D i a g r a m O b j e c t K e y > < K e y > T a g G r o u p s \ L i n k   S t a t e s < / K e y > < / D i a g r a m O b j e c t K e y > < D i a g r a m O b j e c t K e y > < K e y > D i a g r a m \ T a g G r o u p s \ D e l e t i o n   I m p a c t s < / K e y > < / D i a g r a m O b j e c t K e y > < D i a g r a m O b j e c t K e y > < K e y > T a g G r o u p s \ H i e r a r c h y   I d e n t i f i e r s < / K e y > < / D i a g r a m O b j e c t K e y > < D i a g r a m O b j e c t K e y > < K e y > T a g G r o u p s \ T a b l e   I d e n t i f i e r s < / K e y > < / D i a g r a m O b j e c t K e y > < D i a g r a m O b j e c t K e y > < K e y > T a g G r o u p s \ A c t i o n   D e s c r i p t o r s < / K e y > < / D i a g r a m O b j e c t K e y > < D i a g r a m O b j e c t K e y > < K e y > T a g G r o u p s \ H i n t   T e x t s < / K e y > < / D i a g r a m O b j e c t K e y > < D i a g r a m O b j e c t K e y > < K e y > S t a t i c   T a g s \ T a b l e < / K e y > < / D i a g r a m O b j e c t K e y > < D i a g r a m O b j e c t K e y > < K e y > S t a t i c   T a g s \ C o l u m n < / K e y > < / D i a g r a m O b j e c t K e y > < D i a g r a m O b j e c t K e y > < K e y > S t a t i c   T a g s \ M e a s u r e < / K e y > < / D i a g r a m O b j e c t K e y > < D i a g r a m O b j e c t K e y > < K e y > S t a t i c   T a g s \ H i e r a r c h y < / K e y > < / D i a g r a m O b j e c t K e y > < D i a g r a m O b j e c t K e y > < K e y > S t a t i c   T a g s \ H i e r a r c h y L e v e l < / K e y > < / D i a g r a m O b j e c t K e y > < D i a g r a m O b j e c t K e y > < K e y > S t a t i c   T a g s \ K P I < / K e y > < / D i a g r a m O b j e c t K e y > < D i a g r a m O b j e c t K e y > < K e y > S t a t i c   T a g s \ A d d i t i o n a l   I n f o   f o r   S o u r c e   C o l u m n < / K e y > < / D i a g r a m O b j e c t K e y > < D i a g r a m O b j e c t K e y > < K e y > S t a t i c   T a g s \ C a l c u l a t e d   C o l u m n < / K e y > < / D i a g r a m O b j e c t K e y > < D i a g r a m O b j e c t K e y > < K e y > S t a t i c   T a g s \ E r r o r < / K e y > < / D i a g r a m O b j e c t K e y > < D i a g r a m O b j e c t K e y > < K e y > S t a t i c   T a g s \ N o t C a l c u l a t e d < / K e y > < / D i a g r a m O b j e c t K e y > < D i a g r a m O b j e c t K e y > < K e y > S t a t i c   T a g s \ I s   I m p l i c i t   M e a s u r e < / K e y > < / D i a g r a m O b j e c t K e y > < D i a g r a m O b j e c t K e y > < K e y > S t a t i c   T a g s \ R e l a t e d < / K e y > < / D i a g r a m O b j e c t K e y > < D i a g r a m O b j e c t K e y > < K e y > S t a t i c   T a g s \ D e l e t i n g < / K e y > < / D i a g r a m O b j e c t K e y > < D i a g r a m O b j e c t K e y > < K e y > S t a t i c   T a g s \ C r e a t i n g   V a l i d   R e l a t i o n s h i p < / K e y > < / D i a g r a m O b j e c t K e y > < D i a g r a m O b j e c t K e y > < K e y > S t a t i c   T a g s \ H i d d e n < / K e y > < / D i a g r a m O b j e c t K e y > < D i a g r a m O b j e c t K e y > < K e y > S t a t i c   T a g s \ L i n k e d   T a b l e   C o l u m n < / K e y > < / D i a g r a m O b j e c t K e y > < D i a g r a m O b j e c t K e y > < K e y > S t a t i c   T a g s \ I s   r e a d o n l y < / K e y > < / D i a g r a m O b j e c t K e y > < D i a g r a m O b j e c t K e y > < K e y > S t a t i c   T a g s \ F K < / K e y > < / D i a g r a m O b j e c t K e y > < D i a g r a m O b j e c t K e y > < K e y > S t a t i c   T a g s \ P K < / K e y > < / D i a g r a m O b j e c t K e y > < D i a g r a m O b j e c t K e y > < K e y > S t a t i c   T a g s \ R e l a t i o n s h i p < / K e y > < / D i a g r a m O b j e c t K e y > < D i a g r a m O b j e c t K e y > < K e y > S t a t i c   T a g s \ A c t i v e < / K e y > < / D i a g r a m O b j e c t K e y > < D i a g r a m O b j e c t K e y > < K e y > S t a t i c   T a g s \ I n a c t i v e < / K e y > < / D i a g r a m O b j e c t K e y > < D i a g r a m O b j e c t K e y > < K e y > S t a t i c   T a g s \ P r e v i e w   A c t i v e < / K e y > < / D i a g r a m O b j e c t K e y > < D i a g r a m O b j e c t K e y > < K e y > S t a t i c   T a g s \ P r e v i e w   I n a c t i v e < / K e y > < / D i a g r a m O b j e c t K e y > < D i a g r a m O b j e c t K e y > < K e y > S t a t i c   T a g s \ C r o s s F i l t e r D i r e c t i o n < / K e y > < / D i a g r a m O b j e c t K e y > < D i a g r a m O b j e c t K e y > < K e y > S t a t i c   T a g s \ C r o s s F i l t e r D i r e c t i o n S i n g l e < / K e y > < / D i a g r a m O b j e c t K e y > < D i a g r a m O b j e c t K e y > < K e y > S t a t i c   T a g s \ C r o s s F i l t e r D i r e c t i o n B o t h < / K e y > < / D i a g r a m O b j e c t K e y > < D i a g r a m O b j e c t K e y > < K e y > S t a t i c   T a g s \ E n d P o i n t M u l t i p l i c i t y O n e < / K e y > < / D i a g r a m O b j e c t K e y > < D i a g r a m O b j e c t K e y > < K e y > S t a t i c   T a g s \ E n d P o i n t M u l t i p l i c i t y M a n y < / K e y > < / D i a g r a m O b j e c t K e y > < D i a g r a m O b j e c t K e y > < K e y > D i a g r a m \ T a g G r o u p s \ H i g h l i g h t   R e a s o n s \ T a g s \ H a r d   D e l e t i o n   I m p a c t < / K e y > < / D i a g r a m O b j e c t K e y > < D i a g r a m O b j e c t K e y > < K e y > D i a g r a m \ T a g G r o u p s \ H i g h l i g h t   R e a s o n s \ T a g s \ M i n i m u m   D e l e t i o n   I m p a c t < / K e y > < / D i a g r a m O b j e c t K e y > < D i a g r a m O b j e c t K e y > < K e y > S t a t i c   T a g s \ C a n   b e   p a r t   o f   r e l a t i o n s h i p < / K e y > < / D i a g r a m O b j e c t K e y > < D i a g r a m O b j e c t K e y > < K e y > S t a t i c   T a g s \ H i n t   T e x t < / K e y > < / D i a g r a m O b j e c t K e y > < D i a g r a m O b j e c t K e y > < K e y > D y n a m i c   T a g s \ T a b l e s \ & l t ; T a b l e s \ T b l _ C o m m e n t s & g t ; < / K e y > < / D i a g r a m O b j e c t K e y > < D i a g r a m O b j e c t K e y > < K e y > D y n a m i c   T a g s \ T a b l e s \ & l t ; T a b l e s \ T b l _ D i a l o g u e & g t ; < / K e y > < / D i a g r a m O b j e c t K e y > < D i a g r a m O b j e c t K e y > < K e y > T a b l e s \ T b l _ C o m m e n t s < / K e y > < / D i a g r a m O b j e c t K e y > < D i a g r a m O b j e c t K e y > < K e y > T a b l e s \ T b l _ C o m m e n t s \ C o l u m n s \ C o m m e n t   I D < / K e y > < / D i a g r a m O b j e c t K e y > < D i a g r a m O b j e c t K e y > < K e y > T a b l e s \ T b l _ C o m m e n t s \ C o l u m n s \ C o m m e n t < / K e y > < / D i a g r a m O b j e c t K e y > < D i a g r a m O b j e c t K e y > < K e y > T a b l e s \ T b l _ C o m m e n t s \ C o l u m n s \ R e l e v a n c e < / K e y > < / D i a g r a m O b j e c t K e y > < D i a g r a m O b j e c t K e y > < K e y > T a b l e s \ T b l _ C o m m e n t s \ C o l u m n s \ O p e n i n g   S t a t u s < / K e y > < / D i a g r a m O b j e c t K e y > < D i a g r a m O b j e c t K e y > < K e y > T a b l e s \ T b l _ C o m m e n t s \ C o l u m n s \ D a t e < / K e y > < / D i a g r a m O b j e c t K e y > < D i a g r a m O b j e c t K e y > < K e y > T a b l e s \ T b l _ C o m m e n t s \ C o l u m n s \ L a t e s t   S t a t u s < / K e y > < / D i a g r a m O b j e c t K e y > < D i a g r a m O b j e c t K e y > < K e y > T a b l e s \ T b l _ C o m m e n t s \ C o l u m n s \ L a t e s t   d a t e < / K e y > < / D i a g r a m O b j e c t K e y > < D i a g r a m O b j e c t K e y > < K e y > T a b l e s \ T b l _ D i a l o g u e < / K e y > < / D i a g r a m O b j e c t K e y > < D i a g r a m O b j e c t K e y > < K e y > T a b l e s \ T b l _ D i a l o g u e \ C o l u m n s \ C o m m e n t   I D < / K e y > < / D i a g r a m O b j e c t K e y > < D i a g r a m O b j e c t K e y > < K e y > T a b l e s \ T b l _ D i a l o g u e \ C o l u m n s \ C o m m e n t < / K e y > < / D i a g r a m O b j e c t K e y > < D i a g r a m O b j e c t K e y > < K e y > T a b l e s \ T b l _ D i a l o g u e \ C o l u m n s \ R e s p o n d e r < / K e y > < / D i a g r a m O b j e c t K e y > < D i a g r a m O b j e c t K e y > < K e y > T a b l e s \ T b l _ D i a l o g u e \ C o l u m n s \ R e s p o n s e < / K e y > < / D i a g r a m O b j e c t K e y > < D i a g r a m O b j e c t K e y > < K e y > T a b l e s \ T b l _ D i a l o g u e \ C o l u m n s \ D a t e < / K e y > < / D i a g r a m O b j e c t K e y > < D i a g r a m O b j e c t K e y > < K e y > T a b l e s \ T b l _ D i a l o g u e \ C o l u m n s \ S t a t u s < / K e y > < / D i a g r a m O b j e c t K e y > < / A l l K e y s > < S e l e c t e d K e y s > < D i a g r a m O b j e c t K e y > < K e y > T a b l e s \ T b l _ C o m m e n t s \ C o l u m n s \ C o m m e n t   I D < / K e y > < / D i a g r a m O b j e c t K e y > < / S e l e c t e d K e y s > < / M a i n t a i n e r > < V i e w S t a t e F a c t o r y T y p e > M i c r o s o f t . A n a l y s i s S e r v i c e s . C o m m o n . D i a g r a m D i s p l a y V i e w S t a t e F a c t o r y < / V i e w S t a t e F a c t o r y T y p e > < V i e w S t a t e s   x m l n s : a = " h t t p : / / s c h e m a s . m i c r o s o f t . c o m / 2 0 0 3 / 1 0 / S e r i a l i z a t i o n / A r r a y s " > < a : K e y V a l u e O f D i a g r a m O b j e c t K e y a n y T y p e z b w N T n L X > < a : K e y > < K e y > E R   D i a g r a m < / K e y > < / a : K e y > < a : V a l u e   i : t y p e = " D i a g r a m D i s p l a y D i a g r a m V i e w S t a t e " > < L a y e d O u t > t r u e < / L a y e d O u t > < Z o o m P e r c e n t > 1 0 0 < / Z o o m P e r c e n t > < / a : V a l u e > < / a : K e y V a l u e O f D i a g r a m O b j e c t K e y a n y T y p e z b w N T n L X > < a : K e y V a l u e O f D i a g r a m O b j e c t K e y a n y T y p e z b w N T n L X > < a : K e y > < K e y > A c t i o n s \ D e l e t e < / K e y > < / a : K e y > < a : V a l u e   i : t y p e = " D i a g r a m D i s p l a y V i e w S t a t e I D i a g r a m A c t i o n " / > < / a : K e y V a l u e O f D i a g r a m O b j e c t K e y a n y T y p e z b w N T n L X > < a : K e y V a l u e O f D i a g r a m O b j e c t K e y a n y T y p e z b w N T n L X > < a : K e y > < K e y > A c t i o n s \ D e l e t e   f r o m   m o d e l < / K e y > < / a : K e y > < a : V a l u e   i : t y p e = " D i a g r a m D i s p l a y V i e w S t a t e I D i a g r a m A c t i o n " / > < / a : K e y V a l u e O f D i a g r a m O b j e c t K e y a n y T y p e z b w N T n L X > < a : K e y V a l u e O f D i a g r a m O b j e c t K e y a n y T y p e z b w N T n L X > < a : K e y > < K e y > A c t i o n s \ S e l e c t < / K e y > < / a : K e y > < a : V a l u e   i : t y p e = " D i a g r a m D i s p l a y V i e w S t a t e I D i a g r a m A c t i o n " / > < / a : K e y V a l u e O f D i a g r a m O b j e c t K e y a n y T y p e z b w N T n L X > < a : K e y V a l u e O f D i a g r a m O b j e c t K e y a n y T y p e z b w N T n L X > < a : K e y > < K e y > A c t i o n s \ C r e a t e   R e l a t i o n s h i p < / K e y > < / a : K e y > < a : V a l u e   i : t y p e = " D i a g r a m D i s p l a y V i e w S t a t e I D i a g r a m A c t i o n " / > < / a : K e y V a l u e O f D i a g r a m O b j e c t K e y a n y T y p e z b w N T n L X > < a : K e y V a l u e O f D i a g r a m O b j e c t K e y a n y T y p e z b w N T n L X > < a : K e y > < K e y > A c t i o n s \ L a u n c h   C r e a t e   R e l a t i o n s h i p   D i a l o g < / K e y > < / a : K e y > < a : V a l u e   i : t y p e = " D i a g r a m D i s p l a y V i e w S t a t e I D i a g r a m A c t i o n " / > < / a : K e y V a l u e O f D i a g r a m O b j e c t K e y a n y T y p e z b w N T n L X > < a : K e y V a l u e O f D i a g r a m O b j e c t K e y a n y T y p e z b w N T n L X > < a : K e y > < K e y > A c t i o n s \ L a u n c h   E d i t   R e l a t i o n s h i p   D i a l o g < / K e y > < / a : K e y > < a : V a l u e   i : t y p e = " D i a g r a m D i s p l a y V i e w S t a t e I D i a g r a m A c t i o n " / > < / a : K e y V a l u e O f D i a g r a m O b j e c t K e y a n y T y p e z b w N T n L X > < a : K e y V a l u e O f D i a g r a m O b j e c t K e y a n y T y p e z b w N T n L X > < a : K e y > < K e y > A c t i o n s \ C r e a t e   H i e r a r c h y   w i t h   L e v e l s < / K e y > < / a : K e y > < a : V a l u e   i : t y p e = " D i a g r a m D i s p l a y V i e w S t a t e I D i a g r a m A c t i o n " / > < / a : K e y V a l u e O f D i a g r a m O b j e c t K e y a n y T y p e z b w N T n L X > < a : K e y V a l u e O f D i a g r a m O b j e c t K e y a n y T y p e z b w N T n L X > < a : K e y > < K e y > A c t i o n s \ C r e a t e   E m p t y   H i e r a r c h y < / K e y > < / a : K e y > < a : V a l u e   i : t y p e = " D i a g r a m D i s p l a y V i e w S t a t e I D i a g r a m A c t i o n " / > < / a : K e y V a l u e O f D i a g r a m O b j e c t K e y a n y T y p e z b w N T n L X > < a : K e y V a l u e O f D i a g r a m O b j e c t K e y a n y T y p e z b w N T n L X > < a : K e y > < K e y > A c t i o n s \ R e m o v e   f r o m   H i e r a r c h y < / K e y > < / a : K e y > < a : V a l u e   i : t y p e = " D i a g r a m D i s p l a y V i e w S t a t e I D i a g r a m A c t i o n " / > < / a : K e y V a l u e O f D i a g r a m O b j e c t K e y a n y T y p e z b w N T n L X > < a : K e y V a l u e O f D i a g r a m O b j e c t K e y a n y T y p e z b w N T n L X > < a : K e y > < K e y > A c t i o n s \ R e n a m e   N o d e < / K e y > < / a : K e y > < a : V a l u e   i : t y p e = " D i a g r a m D i s p l a y V i e w S t a t e I D i a g r a m A c t i o n " / > < / a : K e y V a l u e O f D i a g r a m O b j e c t K e y a n y T y p e z b w N T n L X > < a : K e y V a l u e O f D i a g r a m O b j e c t K e y a n y T y p e z b w N T n L X > < a : K e y > < K e y > A c t i o n s \ M o v e   N o d e < / K e y > < / a : K e y > < a : V a l u e   i : t y p e = " D i a g r a m D i s p l a y V i e w S t a t e I D i a g r a m A c t i o n " / > < / a : K e y V a l u e O f D i a g r a m O b j e c t K e y a n y T y p e z b w N T n L X > < a : K e y V a l u e O f D i a g r a m O b j e c t K e y a n y T y p e z b w N T n L X > < a : K e y > < K e y > A c t i o n s \ H i d e   t h e   e n t i t y < / K e y > < / a : K e y > < a : V a l u e   i : t y p e = " D i a g r a m D i s p l a y V i e w S t a t e I D i a g r a m A c t i o n " / > < / a : K e y V a l u e O f D i a g r a m O b j e c t K e y a n y T y p e z b w N T n L X > < a : K e y V a l u e O f D i a g r a m O b j e c t K e y a n y T y p e z b w N T n L X > < a : K e y > < K e y > A c t i o n s \ U n h i d e   t h e   e n t i t y < / K e y > < / a : K e y > < a : V a l u e   i : t y p e = " D i a g r a m D i s p l a y V i e w S t a t e I D i a g r a m A c t i o n " / > < / a : K e y V a l u e O f D i a g r a m O b j e c t K e y a n y T y p e z b w N T n L X > < a : K e y V a l u e O f D i a g r a m O b j e c t K e y a n y T y p e z b w N T n L X > < a : K e y > < K e y > A c t i o n s \ G o T o < / K e y > < / a : K e y > < a : V a l u e   i : t y p e = " D i a g r a m D i s p l a y V i e w S t a t e I D i a g r a m A c t i o n " / > < / a : K e y V a l u e O f D i a g r a m O b j e c t K e y a n y T y p e z b w N T n L X > < a : K e y V a l u e O f D i a g r a m O b j e c t K e y a n y T y p e z b w N T n L X > < a : K e y > < K e y > A c t i o n s \ M o v e   U p < / K e y > < / a : K e y > < a : V a l u e   i : t y p e = " D i a g r a m D i s p l a y V i e w S t a t e I D i a g r a m A c t i o n " / > < / a : K e y V a l u e O f D i a g r a m O b j e c t K e y a n y T y p e z b w N T n L X > < a : K e y V a l u e O f D i a g r a m O b j e c t K e y a n y T y p e z b w N T n L X > < a : K e y > < K e y > A c t i o n s \ M o v e   D o w n < / K e y > < / a : K e y > < a : V a l u e   i : t y p e = " D i a g r a m D i s p l a y V i e w S t a t e I D i a g r a m A c t i o n " / > < / a : K e y V a l u e O f D i a g r a m O b j e c t K e y a n y T y p e z b w N T n L X > < a : K e y V a l u e O f D i a g r a m O b j e c t K e y a n y T y p e z b w N T n L X > < a : K e y > < K e y > A c t i o n s \ M a r k   R e l a t i o n s h i p   a s   A c t i v e < / K e y > < / a : K e y > < a : V a l u e   i : t y p e = " D i a g r a m D i s p l a y V i e w S t a t e I D i a g r a m A c t i o n " / > < / a : K e y V a l u e O f D i a g r a m O b j e c t K e y a n y T y p e z b w N T n L X > < a : K e y V a l u e O f D i a g r a m O b j e c t K e y a n y T y p e z b w N T n L X > < a : K e y > < K e y > A c t i o n s \ M a r k   R e l a t i o n s h i p   a s   I n a c t i v e < / K e y > < / a : K e y > < a : V a l u e   i : t y p e = " D i a g r a m D i s p l a y V i e w S t a t e I D i a g r a m A c t i o n " / > < / a : K e y V a l u e O f D i a g r a m O b j e c t K e y a n y T y p e z b w N T n L X > < a : K e y V a l u e O f D i a g r a m O b j e c t K e y a n y T y p e z b w N T n L X > < a : K e y > < K e y > A c t i o n s \ R e l a t i o n s h i p   C r o s s   F i l t e r   D i r e c t i o n   S i n g l e < / K e y > < / a : K e y > < a : V a l u e   i : t y p e = " D i a g r a m D i s p l a y V i e w S t a t e I D i a g r a m A c t i o n " / > < / a : K e y V a l u e O f D i a g r a m O b j e c t K e y a n y T y p e z b w N T n L X > < a : K e y V a l u e O f D i a g r a m O b j e c t K e y a n y T y p e z b w N T n L X > < a : K e y > < K e y > A c t i o n s \ R e l a t i o n s h i p   C r o s s   F i l t e r   D i r e c t i o n   B o t h < / K e y > < / a : K e y > < a : V a l u e   i : t y p e = " D i a g r a m D i s p l a y V i e w S t a t e I D i a g r a m A c t i o n " / > < / a : K e y V a l u e O f D i a g r a m O b j e c t K e y a n y T y p e z b w N T n L X > < a : K e y V a l u e O f D i a g r a m O b j e c t K e y a n y T y p e z b w N T n L X > < a : K e y > < K e y > A c t i o n s \ R e l a t i o n s h i p   E n d   P o i n t   M u l t i p l i c i t y   O n e < / K e y > < / a : K e y > < a : V a l u e   i : t y p e = " D i a g r a m D i s p l a y V i e w S t a t e I D i a g r a m A c t i o n " / > < / a : K e y V a l u e O f D i a g r a m O b j e c t K e y a n y T y p e z b w N T n L X > < a : K e y V a l u e O f D i a g r a m O b j e c t K e y a n y T y p e z b w N T n L X > < a : K e y > < K e y > A c t i o n s \ R e l a t i o n s h i p   E n d   P o i n t   M u l t i p l i c i t y   M a n y < / K e y > < / a : K e y > < a : V a l u e   i : t y p e = " D i a g r a m D i s p l a y V i e w S t a t e I D i a g r a m A c t i o n " / > < / a : K e y V a l u e O f D i a g r a m O b j e c t K e y a n y T y p e z b w N T n L X > < a : K e y V a l u e O f D i a g r a m O b j e c t K e y a n y T y p e z b w N T n L X > < a : K e y > < K e y > T a g G r o u p s \ N o d e   T y p e s < / K e y > < / a : K e y > < a : V a l u e   i : t y p e = " D i a g r a m D i s p l a y V i e w S t a t e I D i a g r a m T a g G r o u p " / > < / a : K e y V a l u e O f D i a g r a m O b j e c t K e y a n y T y p e z b w N T n L X > < a : K e y V a l u e O f D i a g r a m O b j e c t K e y a n y T y p e z b w N T n L X > < a : K e y > < K e y > T a g G r o u p s \ A d d i t i o n a l   I n f o   T y p e s < / K e y > < / a : K e y > < a : V a l u e   i : t y p e = " D i a g r a m D i s p l a y V i e w S t a t e I D i a g r a m T a g G r o u p " / > < / a : K e y V a l u e O f D i a g r a m O b j e c t K e y a n y T y p e z b w N T n L X > < a : K e y V a l u e O f D i a g r a m O b j e c t K e y a n y T y p e z b w N T n L X > < a : K e y > < K e y > T a g G r o u p s \ C a l c u l a t e d   C o l u m n s < / K e y > < / a : K e y > < a : V a l u e   i : t y p e = " D i a g r a m D i s p l a y V i e w S t a t e I D i a g r a m T a g G r o u p " / > < / a : K e y V a l u e O f D i a g r a m O b j e c t K e y a n y T y p e z b w N T n L X > < a : K e y V a l u e O f D i a g r a m O b j e c t K e y a n y T y p e z b w N T n L X > < a : K e y > < K e y > T a g G r o u p s \ W a r n i n g s < / K e y > < / a : K e y > < a : V a l u e   i : t y p e = " D i a g r a m D i s p l a y V i e w S t a t e I D i a g r a m T a g G r o u p " / > < / a : K e y V a l u e O f D i a g r a m O b j e c t K e y a n y T y p e z b w N T n L X > < a : K e y V a l u e O f D i a g r a m O b j e c t K e y a n y T y p e z b w N T n L X > < a : K e y > < K e y > T a g G r o u p s \ H i g h l i g h t   R e a s o n s < / K e y > < / a : K e y > < a : V a l u e   i : t y p e = " D i a g r a m D i s p l a y V i e w S t a t e I D i a g r a m T a g G r o u p " / > < / a : K e y V a l u e O f D i a g r a m O b j e c t K e y a n y T y p e z b w N T n L X > < a : K e y V a l u e O f D i a g r a m O b j e c t K e y a n y T y p e z b w N T n L X > < a : K e y > < K e y > T a g G r o u p s \ S t a t e < / K e y > < / a : K e y > < a : V a l u e   i : t y p e = " D i a g r a m D i s p l a y V i e w S t a t e I D i a g r a m T a g G r o u p " / > < / a : K e y V a l u e O f D i a g r a m O b j e c t K e y a n y T y p e z b w N T n L X > < a : K e y V a l u e O f D i a g r a m O b j e c t K e y a n y T y p e z b w N T n L X > < a : K e y > < K e y > T a g G r o u p s \ L i n k   R o l e s < / K e y > < / a : K e y > < a : V a l u e   i : t y p e = " D i a g r a m D i s p l a y V i e w S t a t e I D i a g r a m T a g G r o u p " / > < / a : K e y V a l u e O f D i a g r a m O b j e c t K e y a n y T y p e z b w N T n L X > < a : K e y V a l u e O f D i a g r a m O b j e c t K e y a n y T y p e z b w N T n L X > < a : K e y > < K e y > T a g G r o u p s \ L i n k   T y p e s < / K e y > < / a : K e y > < a : V a l u e   i : t y p e = " D i a g r a m D i s p l a y V i e w S t a t e I D i a g r a m T a g G r o u p " / > < / a : K e y V a l u e O f D i a g r a m O b j e c t K e y a n y T y p e z b w N T n L X > < a : K e y V a l u e O f D i a g r a m O b j e c t K e y a n y T y p e z b w N T n L X > < a : K e y > < K e y > T a g G r o u p s \ L i n k   S t a t e s < / K e y > < / a : K e y > < a : V a l u e   i : t y p e = " D i a g r a m D i s p l a y V i e w S t a t e I D i a g r a m T a g G r o u p " / > < / a : K e y V a l u e O f D i a g r a m O b j e c t K e y a n y T y p e z b w N T n L X > < a : K e y V a l u e O f D i a g r a m O b j e c t K e y a n y T y p e z b w N T n L X > < a : K e y > < K e y > D i a g r a m \ T a g G r o u p s \ D e l e t i o n   I m p a c t s < / K e y > < / a : K e y > < a : V a l u e   i : t y p e = " D i a g r a m D i s p l a y V i e w S t a t e I D i a g r a m T a g G r o u p " / > < / a : K e y V a l u e O f D i a g r a m O b j e c t K e y a n y T y p e z b w N T n L X > < a : K e y V a l u e O f D i a g r a m O b j e c t K e y a n y T y p e z b w N T n L X > < a : K e y > < K e y > T a g G r o u p s \ H i e r a r c h y   I d e n t i f i e r s < / K e y > < / a : K e y > < a : V a l u e   i : t y p e = " D i a g r a m D i s p l a y V i e w S t a t e I D i a g r a m T a g G r o u p " / > < / a : K e y V a l u e O f D i a g r a m O b j e c t K e y a n y T y p e z b w N T n L X > < a : K e y V a l u e O f D i a g r a m O b j e c t K e y a n y T y p e z b w N T n L X > < a : K e y > < K e y > T a g G r o u p s \ T a b l e   I d e n t i f i e r s < / K e y > < / a : K e y > < a : V a l u e   i : t y p e = " D i a g r a m D i s p l a y V i e w S t a t e I D i a g r a m T a g G r o u p " / > < / a : K e y V a l u e O f D i a g r a m O b j e c t K e y a n y T y p e z b w N T n L X > < a : K e y V a l u e O f D i a g r a m O b j e c t K e y a n y T y p e z b w N T n L X > < a : K e y > < K e y > T a g G r o u p s \ A c t i o n   D e s c r i p t o r s < / K e y > < / a : K e y > < a : V a l u e   i : t y p e = " D i a g r a m D i s p l a y V i e w S t a t e I D i a g r a m T a g G r o u p " / > < / a : K e y V a l u e O f D i a g r a m O b j e c t K e y a n y T y p e z b w N T n L X > < a : K e y V a l u e O f D i a g r a m O b j e c t K e y a n y T y p e z b w N T n L X > < a : K e y > < K e y > T a g G r o u p s \ H i n t   T e x t s < / K e y > < / a : K e y > < a : V a l u e   i : t y p e = " D i a g r a m D i s p l a y V i e w S t a t e I D i a g r a m T a g G r o u p " / > < / a : K e y V a l u e O f D i a g r a m O b j e c t K e y a n y T y p e z b w N T n L X > < a : K e y V a l u e O f D i a g r a m O b j e c t K e y a n y T y p e z b w N T n L X > < a : K e y > < K e y > S t a t i c   T a g s \ T a b l e < / K e y > < / a : K e y > < a : V a l u e   i : t y p e = " D i a g r a m D i s p l a y T a g V i e w S t a t e " > < I s N o t F i l t e r e d O u t > t r u e < / I s N o t F i l t e r e d O u t > < / a : V a l u e > < / a : K e y V a l u e O f D i a g r a m O b j e c t K e y a n y T y p e z b w N T n L X > < a : K e y V a l u e O f D i a g r a m O b j e c t K e y a n y T y p e z b w N T n L X > < a : K e y > < K e y > S t a t i c   T a g s \ C o l u m n < / K e y > < / a : K e y > < a : V a l u e   i : t y p e = " D i a g r a m D i s p l a y T a g V i e w S t a t e " > < I s N o t F i l t e r e d O u t > t r u e < / I s N o t F i l t e r e d O u t > < / a : V a l u e > < / a : K e y V a l u e O f D i a g r a m O b j e c t K e y a n y T y p e z b w N T n L X > < a : K e y V a l u e O f D i a g r a m O b j e c t K e y a n y T y p e z b w N T n L X > < a : K e y > < K e y > S t a t i c   T a g s \ M e a s u r e < / K e y > < / a : K e y > < a : V a l u e   i : t y p e = " D i a g r a m D i s p l a y T a g V i e w S t a t e " > < I s N o t F i l t e r e d O u t > t r u e < / I s N o t F i l t e r e d O u t > < / a : V a l u e > < / a : K e y V a l u e O f D i a g r a m O b j e c t K e y a n y T y p e z b w N T n L X > < a : K e y V a l u e O f D i a g r a m O b j e c t K e y a n y T y p e z b w N T n L X > < a : K e y > < K e y > S t a t i c   T a g s \ H i e r a r c h y < / K e y > < / a : K e y > < a : V a l u e   i : t y p e = " D i a g r a m D i s p l a y T a g V i e w S t a t e " > < I s N o t F i l t e r e d O u t > t r u e < / I s N o t F i l t e r e d O u t > < / a : V a l u e > < / a : K e y V a l u e O f D i a g r a m O b j e c t K e y a n y T y p e z b w N T n L X > < a : K e y V a l u e O f D i a g r a m O b j e c t K e y a n y T y p e z b w N T n L X > < a : K e y > < K e y > S t a t i c   T a g s \ H i e r a r c h y L e v e l < / K e y > < / a : K e y > < a : V a l u e   i : t y p e = " D i a g r a m D i s p l a y T a g V i e w S t a t e " > < I s N o t F i l t e r e d O u t > t r u e < / I s N o t F i l t e r e d O u t > < / a : V a l u e > < / a : K e y V a l u e O f D i a g r a m O b j e c t K e y a n y T y p e z b w N T n L X > < a : K e y V a l u e O f D i a g r a m O b j e c t K e y a n y T y p e z b w N T n L X > < a : K e y > < K e y > S t a t i c   T a g s \ K P I < / K e y > < / a : K e y > < a : V a l u e   i : t y p e = " D i a g r a m D i s p l a y T a g V i e w S t a t e " > < I s N o t F i l t e r e d O u t > t r u e < / I s N o t F i l t e r e d O u t > < / a : V a l u e > < / a : K e y V a l u e O f D i a g r a m O b j e c t K e y a n y T y p e z b w N T n L X > < a : K e y V a l u e O f D i a g r a m O b j e c t K e y a n y T y p e z b w N T n L X > < a : K e y > < K e y > S t a t i c   T a g s \ A d d i t i o n a l   I n f o   f o r   S o u r c e   C o l u m n < / K e y > < / a : K e y > < a : V a l u e   i : t y p e = " D i a g r a m D i s p l a y T a g V i e w S t a t e " > < I s N o t F i l t e r e d O u t > t r u e < / I s N o t F i l t e r e d O u t > < / a : V a l u e > < / a : K e y V a l u e O f D i a g r a m O b j e c t K e y a n y T y p e z b w N T n L X > < a : K e y V a l u e O f D i a g r a m O b j e c t K e y a n y T y p e z b w N T n L X > < a : K e y > < K e y > S t a t i c   T a g s \ C a l c u l a t e d   C o l u m n < / K e y > < / a : K e y > < a : V a l u e   i : t y p e = " D i a g r a m D i s p l a y T a g V i e w S t a t e " > < I s N o t F i l t e r e d O u t > t r u e < / I s N o t F i l t e r e d O u t > < / a : V a l u e > < / a : K e y V a l u e O f D i a g r a m O b j e c t K e y a n y T y p e z b w N T n L X > < a : K e y V a l u e O f D i a g r a m O b j e c t K e y a n y T y p e z b w N T n L X > < a : K e y > < K e y > S t a t i c   T a g s \ E r r o r < / K e y > < / a : K e y > < a : V a l u e   i : t y p e = " D i a g r a m D i s p l a y T a g V i e w S t a t e " > < I s N o t F i l t e r e d O u t > t r u e < / I s N o t F i l t e r e d O u t > < / a : V a l u e > < / a : K e y V a l u e O f D i a g r a m O b j e c t K e y a n y T y p e z b w N T n L X > < a : K e y V a l u e O f D i a g r a m O b j e c t K e y a n y T y p e z b w N T n L X > < a : K e y > < K e y > S t a t i c   T a g s \ N o t C a l c u l a t e d < / K e y > < / a : K e y > < a : V a l u e   i : t y p e = " D i a g r a m D i s p l a y T a g V i e w S t a t e " > < I s N o t F i l t e r e d O u t > t r u e < / I s N o t F i l t e r e d O u t > < / a : V a l u e > < / a : K e y V a l u e O f D i a g r a m O b j e c t K e y a n y T y p e z b w N T n L X > < a : K e y V a l u e O f D i a g r a m O b j e c t K e y a n y T y p e z b w N T n L X > < a : K e y > < K e y > S t a t i c   T a g s \ I s   I m p l i c i t   M e a s u r e < / K e y > < / a : K e y > < a : V a l u e   i : t y p e = " D i a g r a m D i s p l a y T a g V i e w S t a t e " > < I s N o t F i l t e r e d O u t > t r u e < / I s N o t F i l t e r e d O u t > < / a : V a l u e > < / a : K e y V a l u e O f D i a g r a m O b j e c t K e y a n y T y p e z b w N T n L X > < a : K e y V a l u e O f D i a g r a m O b j e c t K e y a n y T y p e z b w N T n L X > < a : K e y > < K e y > S t a t i c   T a g s \ R e l a t e d < / K e y > < / a : K e y > < a : V a l u e   i : t y p e = " D i a g r a m D i s p l a y T a g V i e w S t a t e " > < I s N o t F i l t e r e d O u t > t r u e < / I s N o t F i l t e r e d O u t > < / a : V a l u e > < / a : K e y V a l u e O f D i a g r a m O b j e c t K e y a n y T y p e z b w N T n L X > < a : K e y V a l u e O f D i a g r a m O b j e c t K e y a n y T y p e z b w N T n L X > < a : K e y > < K e y > S t a t i c   T a g s \ D e l e t i n g < / K e y > < / a : K e y > < a : V a l u e   i : t y p e = " D i a g r a m D i s p l a y T a g V i e w S t a t e " > < I s N o t F i l t e r e d O u t > t r u e < / I s N o t F i l t e r e d O u t > < / a : V a l u e > < / a : K e y V a l u e O f D i a g r a m O b j e c t K e y a n y T y p e z b w N T n L X > < a : K e y V a l u e O f D i a g r a m O b j e c t K e y a n y T y p e z b w N T n L X > < a : K e y > < K e y > S t a t i c   T a g s \ C r e a t i n g   V a l i d   R e l a t i o n s h i p < / K e y > < / a : K e y > < a : V a l u e   i : t y p e = " D i a g r a m D i s p l a y T a g V i e w S t a t e " > < I s N o t F i l t e r e d O u t > t r u e < / I s N o t F i l t e r e d O u t > < / a : V a l u e > < / a : K e y V a l u e O f D i a g r a m O b j e c t K e y a n y T y p e z b w N T n L X > < a : K e y V a l u e O f D i a g r a m O b j e c t K e y a n y T y p e z b w N T n L X > < a : K e y > < K e y > S t a t i c   T a g s \ H i d d e n < / K e y > < / a : K e y > < a : V a l u e   i : t y p e = " D i a g r a m D i s p l a y T a g V i e w S t a t e " > < I s N o t F i l t e r e d O u t > t r u e < / I s N o t F i l t e r e d O u t > < / a : V a l u e > < / a : K e y V a l u e O f D i a g r a m O b j e c t K e y a n y T y p e z b w N T n L X > < a : K e y V a l u e O f D i a g r a m O b j e c t K e y a n y T y p e z b w N T n L X > < a : K e y > < K e y > S t a t i c   T a g s \ L i n k e d   T a b l e   C o l u m n < / K e y > < / a : K e y > < a : V a l u e   i : t y p e = " D i a g r a m D i s p l a y T a g V i e w S t a t e " > < I s N o t F i l t e r e d O u t > t r u e < / I s N o t F i l t e r e d O u t > < / a : V a l u e > < / a : K e y V a l u e O f D i a g r a m O b j e c t K e y a n y T y p e z b w N T n L X > < a : K e y V a l u e O f D i a g r a m O b j e c t K e y a n y T y p e z b w N T n L X > < a : K e y > < K e y > S t a t i c   T a g s \ I s   r e a d o n l y < / K e y > < / a : K e y > < a : V a l u e   i : t y p e = " D i a g r a m D i s p l a y T a g V i e w S t a t e " > < I s N o t F i l t e r e d O u t > t r u e < / I s N o t F i l t e r e d O u t > < / a : V a l u e > < / a : K e y V a l u e O f D i a g r a m O b j e c t K e y a n y T y p e z b w N T n L X > < a : K e y V a l u e O f D i a g r a m O b j e c t K e y a n y T y p e z b w N T n L X > < a : K e y > < K e y > S t a t i c   T a g s \ F K < / K e y > < / a : K e y > < a : V a l u e   i : t y p e = " D i a g r a m D i s p l a y T a g V i e w S t a t e " > < I s N o t F i l t e r e d O u t > t r u e < / I s N o t F i l t e r e d O u t > < / a : V a l u e > < / a : K e y V a l u e O f D i a g r a m O b j e c t K e y a n y T y p e z b w N T n L X > < a : K e y V a l u e O f D i a g r a m O b j e c t K e y a n y T y p e z b w N T n L X > < a : K e y > < K e y > S t a t i c   T a g s \ P K < / K e y > < / a : K e y > < a : V a l u e   i : t y p e = " D i a g r a m D i s p l a y T a g V i e w S t a t e " > < I s N o t F i l t e r e d O u t > t r u e < / I s N o t F i l t e r e d O u t > < / a : V a l u e > < / a : K e y V a l u e O f D i a g r a m O b j e c t K e y a n y T y p e z b w N T n L X > < a : K e y V a l u e O f D i a g r a m O b j e c t K e y a n y T y p e z b w N T n L X > < a : K e y > < K e y > S t a t i c   T a g s \ R e l a t i o n s h i p < / K e y > < / a : K e y > < a : V a l u e   i : t y p e = " D i a g r a m D i s p l a y T a g V i e w S t a t e " > < I s N o t F i l t e r e d O u t > t r u e < / I s N o t F i l t e r e d O u t > < / a : V a l u e > < / a : K e y V a l u e O f D i a g r a m O b j e c t K e y a n y T y p e z b w N T n L X > < a : K e y V a l u e O f D i a g r a m O b j e c t K e y a n y T y p e z b w N T n L X > < a : K e y > < K e y > S t a t i c   T a g s \ A c t i v e < / K e y > < / a : K e y > < a : V a l u e   i : t y p e = " D i a g r a m D i s p l a y T a g V i e w S t a t e " > < I s N o t F i l t e r e d O u t > t r u e < / I s N o t F i l t e r e d O u t > < / a : V a l u e > < / a : K e y V a l u e O f D i a g r a m O b j e c t K e y a n y T y p e z b w N T n L X > < a : K e y V a l u e O f D i a g r a m O b j e c t K e y a n y T y p e z b w N T n L X > < a : K e y > < K e y > S t a t i c   T a g s \ I n a c t i v e < / K e y > < / a : K e y > < a : V a l u e   i : t y p e = " D i a g r a m D i s p l a y T a g V i e w S t a t e " > < I s N o t F i l t e r e d O u t > t r u e < / I s N o t F i l t e r e d O u t > < / a : V a l u e > < / a : K e y V a l u e O f D i a g r a m O b j e c t K e y a n y T y p e z b w N T n L X > < a : K e y V a l u e O f D i a g r a m O b j e c t K e y a n y T y p e z b w N T n L X > < a : K e y > < K e y > S t a t i c   T a g s \ P r e v i e w   A c t i v e < / K e y > < / a : K e y > < a : V a l u e   i : t y p e = " D i a g r a m D i s p l a y T a g V i e w S t a t e " > < I s N o t F i l t e r e d O u t > t r u e < / I s N o t F i l t e r e d O u t > < / a : V a l u e > < / a : K e y V a l u e O f D i a g r a m O b j e c t K e y a n y T y p e z b w N T n L X > < a : K e y V a l u e O f D i a g r a m O b j e c t K e y a n y T y p e z b w N T n L X > < a : K e y > < K e y > S t a t i c   T a g s \ P r e v i e w   I n a c t i v e < / K e y > < / a : K e y > < a : V a l u e   i : t y p e = " D i a g r a m D i s p l a y T a g V i e w S t a t e " > < I s N o t F i l t e r e d O u t > t r u e < / I s N o t F i l t e r e d O u t > < / a : V a l u e > < / a : K e y V a l u e O f D i a g r a m O b j e c t K e y a n y T y p e z b w N T n L X > < a : K e y V a l u e O f D i a g r a m O b j e c t K e y a n y T y p e z b w N T n L X > < a : K e y > < K e y > S t a t i c   T a g s \ C r o s s F i l t e r D i r e c t i o n < / K e y > < / a : K e y > < a : V a l u e   i : t y p e = " D i a g r a m D i s p l a y T a g V i e w S t a t e " > < I s N o t F i l t e r e d O u t > t r u e < / I s N o t F i l t e r e d O u t > < / a : V a l u e > < / a : K e y V a l u e O f D i a g r a m O b j e c t K e y a n y T y p e z b w N T n L X > < a : K e y V a l u e O f D i a g r a m O b j e c t K e y a n y T y p e z b w N T n L X > < a : K e y > < K e y > S t a t i c   T a g s \ C r o s s F i l t e r D i r e c t i o n S i n g l e < / K e y > < / a : K e y > < a : V a l u e   i : t y p e = " D i a g r a m D i s p l a y T a g V i e w S t a t e " > < I s N o t F i l t e r e d O u t > t r u e < / I s N o t F i l t e r e d O u t > < / a : V a l u e > < / a : K e y V a l u e O f D i a g r a m O b j e c t K e y a n y T y p e z b w N T n L X > < a : K e y V a l u e O f D i a g r a m O b j e c t K e y a n y T y p e z b w N T n L X > < a : K e y > < K e y > S t a t i c   T a g s \ C r o s s F i l t e r D i r e c t i o n B o t h < / K e y > < / a : K e y > < a : V a l u e   i : t y p e = " D i a g r a m D i s p l a y T a g V i e w S t a t e " > < I s N o t F i l t e r e d O u t > t r u e < / I s N o t F i l t e r e d O u t > < / a : V a l u e > < / a : K e y V a l u e O f D i a g r a m O b j e c t K e y a n y T y p e z b w N T n L X > < a : K e y V a l u e O f D i a g r a m O b j e c t K e y a n y T y p e z b w N T n L X > < a : K e y > < K e y > S t a t i c   T a g s \ E n d P o i n t M u l t i p l i c i t y O n e < / K e y > < / a : K e y > < a : V a l u e   i : t y p e = " D i a g r a m D i s p l a y T a g V i e w S t a t e " > < I s N o t F i l t e r e d O u t > t r u e < / I s N o t F i l t e r e d O u t > < / a : V a l u e > < / a : K e y V a l u e O f D i a g r a m O b j e c t K e y a n y T y p e z b w N T n L X > < a : K e y V a l u e O f D i a g r a m O b j e c t K e y a n y T y p e z b w N T n L X > < a : K e y > < K e y > S t a t i c   T a g s \ E n d P o i n t M u l t i p l i c i t y M a n y < / K e y > < / a : K e y > < a : V a l u e   i : t y p e = " D i a g r a m D i s p l a y T a g V i e w S t a t e " > < I s N o t F i l t e r e d O u t > t r u e < / I s N o t F i l t e r e d O u t > < / a : V a l u e > < / a : K e y V a l u e O f D i a g r a m O b j e c t K e y a n y T y p e z b w N T n L X > < a : K e y V a l u e O f D i a g r a m O b j e c t K e y a n y T y p e z b w N T n L X > < a : K e y > < K e y > D i a g r a m \ T a g G r o u p s \ H i g h l i g h t   R e a s o n s \ T a g s \ H a r d   D e l e t i o n   I m p a c t < / K e y > < / a : K e y > < a : V a l u e   i : t y p e = " D i a g r a m D i s p l a y T a g V i e w S t a t e " > < I s N o t F i l t e r e d O u t > t r u e < / I s N o t F i l t e r e d O u t > < / a : V a l u e > < / a : K e y V a l u e O f D i a g r a m O b j e c t K e y a n y T y p e z b w N T n L X > < a : K e y V a l u e O f D i a g r a m O b j e c t K e y a n y T y p e z b w N T n L X > < a : K e y > < K e y > D i a g r a m \ T a g G r o u p s \ H i g h l i g h t   R e a s o n s \ T a g s \ M i n i m u m   D e l e t i o n   I m p a c t < / K e y > < / a : K e y > < a : V a l u e   i : t y p e = " D i a g r a m D i s p l a y T a g V i e w S t a t e " > < I s N o t F i l t e r e d O u t > t r u e < / I s N o t F i l t e r e d O u t > < / a : V a l u e > < / a : K e y V a l u e O f D i a g r a m O b j e c t K e y a n y T y p e z b w N T n L X > < a : K e y V a l u e O f D i a g r a m O b j e c t K e y a n y T y p e z b w N T n L X > < a : K e y > < K e y > S t a t i c   T a g s \ C a n   b e   p a r t   o f   r e l a t i o n s h i p < / K e y > < / a : K e y > < a : V a l u e   i : t y p e = " D i a g r a m D i s p l a y T a g V i e w S t a t e " > < I s N o t F i l t e r e d O u t > t r u e < / I s N o t F i l t e r e d O u t > < / a : V a l u e > < / a : K e y V a l u e O f D i a g r a m O b j e c t K e y a n y T y p e z b w N T n L X > < a : K e y V a l u e O f D i a g r a m O b j e c t K e y a n y T y p e z b w N T n L X > < a : K e y > < K e y > S t a t i c   T a g s \ H i n t   T e x t < / K e y > < / a : K e y > < a : V a l u e   i : t y p e = " D i a g r a m D i s p l a y T a g V i e w S t a t e " > < I s N o t F i l t e r e d O u t > t r u e < / I s N o t F i l t e r e d O u t > < / a : V a l u e > < / a : K e y V a l u e O f D i a g r a m O b j e c t K e y a n y T y p e z b w N T n L X > < a : K e y V a l u e O f D i a g r a m O b j e c t K e y a n y T y p e z b w N T n L X > < a : K e y > < K e y > D y n a m i c   T a g s \ T a b l e s \ & l t ; T a b l e s \ T b l _ C o m m e n t s & g t ; < / K e y > < / a : K e y > < a : V a l u e   i : t y p e = " D i a g r a m D i s p l a y T a g V i e w S t a t e " > < I s N o t F i l t e r e d O u t > t r u e < / I s N o t F i l t e r e d O u t > < / a : V a l u e > < / a : K e y V a l u e O f D i a g r a m O b j e c t K e y a n y T y p e z b w N T n L X > < a : K e y V a l u e O f D i a g r a m O b j e c t K e y a n y T y p e z b w N T n L X > < a : K e y > < K e y > D y n a m i c   T a g s \ T a b l e s \ & l t ; T a b l e s \ T b l _ D i a l o g u e & g t ; < / K e y > < / a : K e y > < a : V a l u e   i : t y p e = " D i a g r a m D i s p l a y T a g V i e w S t a t e " > < I s N o t F i l t e r e d O u t > t r u e < / I s N o t F i l t e r e d O u t > < / a : V a l u e > < / a : K e y V a l u e O f D i a g r a m O b j e c t K e y a n y T y p e z b w N T n L X > < a : K e y V a l u e O f D i a g r a m O b j e c t K e y a n y T y p e z b w N T n L X > < a : K e y > < K e y > T a b l e s \ T b l _ C o m m e n t s < / K e y > < / a : K e y > < a : V a l u e   i : t y p e = " D i a g r a m D i s p l a y N o d e V i e w S t a t e " > < H e i g h t > 1 5 0 < / H e i g h t > < I s E x p a n d e d > t r u e < / I s E x p a n d e d > < L a y e d O u t > t r u e < / L a y e d O u t > < W i d t h > 2 0 0 < / W i d t h > < / a : V a l u e > < / a : K e y V a l u e O f D i a g r a m O b j e c t K e y a n y T y p e z b w N T n L X > < a : K e y V a l u e O f D i a g r a m O b j e c t K e y a n y T y p e z b w N T n L X > < a : K e y > < K e y > T a b l e s \ T b l _ C o m m e n t s \ C o l u m n s \ C o m m e n t   I D < / K e y > < / a : K e y > < a : V a l u e   i : t y p e = " D i a g r a m D i s p l a y N o d e V i e w S t a t e " > < H e i g h t > 1 5 0 < / H e i g h t > < I s E x p a n d e d > t r u e < / I s E x p a n d e d > < I s F o c u s e d > t r u e < / I s F o c u s e d > < W i d t h > 2 0 0 < / W i d t h > < / a : V a l u e > < / a : K e y V a l u e O f D i a g r a m O b j e c t K e y a n y T y p e z b w N T n L X > < a : K e y V a l u e O f D i a g r a m O b j e c t K e y a n y T y p e z b w N T n L X > < a : K e y > < K e y > T a b l e s \ T b l _ C o m m e n t s \ C o l u m n s \ C o m m e n t < / K e y > < / a : K e y > < a : V a l u e   i : t y p e = " D i a g r a m D i s p l a y N o d e V i e w S t a t e " > < H e i g h t > 1 5 0 < / H e i g h t > < I s E x p a n d e d > t r u e < / I s E x p a n d e d > < W i d t h > 2 0 0 < / W i d t h > < / a : V a l u e > < / a : K e y V a l u e O f D i a g r a m O b j e c t K e y a n y T y p e z b w N T n L X > < a : K e y V a l u e O f D i a g r a m O b j e c t K e y a n y T y p e z b w N T n L X > < a : K e y > < K e y > T a b l e s \ T b l _ C o m m e n t s \ C o l u m n s \ R e l e v a n c e < / K e y > < / a : K e y > < a : V a l u e   i : t y p e = " D i a g r a m D i s p l a y N o d e V i e w S t a t e " > < H e i g h t > 1 5 0 < / H e i g h t > < I s E x p a n d e d > t r u e < / I s E x p a n d e d > < W i d t h > 2 0 0 < / W i d t h > < / a : V a l u e > < / a : K e y V a l u e O f D i a g r a m O b j e c t K e y a n y T y p e z b w N T n L X > < a : K e y V a l u e O f D i a g r a m O b j e c t K e y a n y T y p e z b w N T n L X > < a : K e y > < K e y > T a b l e s \ T b l _ C o m m e n t s \ C o l u m n s \ O p e n i n g   S t a t u s < / K e y > < / a : K e y > < a : V a l u e   i : t y p e = " D i a g r a m D i s p l a y N o d e V i e w S t a t e " > < H e i g h t > 1 5 0 < / H e i g h t > < I s E x p a n d e d > t r u e < / I s E x p a n d e d > < W i d t h > 2 0 0 < / W i d t h > < / a : V a l u e > < / a : K e y V a l u e O f D i a g r a m O b j e c t K e y a n y T y p e z b w N T n L X > < a : K e y V a l u e O f D i a g r a m O b j e c t K e y a n y T y p e z b w N T n L X > < a : K e y > < K e y > T a b l e s \ T b l _ C o m m e n t s \ C o l u m n s \ D a t e < / K e y > < / a : K e y > < a : V a l u e   i : t y p e = " D i a g r a m D i s p l a y N o d e V i e w S t a t e " > < H e i g h t > 1 5 0 < / H e i g h t > < I s E x p a n d e d > t r u e < / I s E x p a n d e d > < W i d t h > 2 0 0 < / W i d t h > < / a : V a l u e > < / a : K e y V a l u e O f D i a g r a m O b j e c t K e y a n y T y p e z b w N T n L X > < a : K e y V a l u e O f D i a g r a m O b j e c t K e y a n y T y p e z b w N T n L X > < a : K e y > < K e y > T a b l e s \ T b l _ C o m m e n t s \ C o l u m n s \ L a t e s t   S t a t u s < / K e y > < / a : K e y > < a : V a l u e   i : t y p e = " D i a g r a m D i s p l a y N o d e V i e w S t a t e " > < H e i g h t > 1 5 0 < / H e i g h t > < I s E x p a n d e d > t r u e < / I s E x p a n d e d > < W i d t h > 2 0 0 < / W i d t h > < / a : V a l u e > < / a : K e y V a l u e O f D i a g r a m O b j e c t K e y a n y T y p e z b w N T n L X > < a : K e y V a l u e O f D i a g r a m O b j e c t K e y a n y T y p e z b w N T n L X > < a : K e y > < K e y > T a b l e s \ T b l _ C o m m e n t s \ C o l u m n s \ L a t e s t   d a t e < / K e y > < / a : K e y > < a : V a l u e   i : t y p e = " D i a g r a m D i s p l a y N o d e V i e w S t a t e " > < H e i g h t > 1 5 0 < / H e i g h t > < I s E x p a n d e d > t r u e < / I s E x p a n d e d > < W i d t h > 2 0 0 < / W i d t h > < / a : V a l u e > < / a : K e y V a l u e O f D i a g r a m O b j e c t K e y a n y T y p e z b w N T n L X > < a : K e y V a l u e O f D i a g r a m O b j e c t K e y a n y T y p e z b w N T n L X > < a : K e y > < K e y > T a b l e s \ T b l _ D i a l o g u e < / K e y > < / a : K e y > < a : V a l u e   i : t y p e = " D i a g r a m D i s p l a y N o d e V i e w S t a t e " > < H e i g h t > 1 5 0 < / H e i g h t > < I s E x p a n d e d > t r u e < / I s E x p a n d e d > < L a y e d O u t > t r u e < / L a y e d O u t > < L e f t > 3 2 9 . 9 0 3 8 1 0 5 6 7 6 6 5 8 < / L e f t > < T a b I n d e x > 1 < / T a b I n d e x > < W i d t h > 2 0 0 < / W i d t h > < / a : V a l u e > < / a : K e y V a l u e O f D i a g r a m O b j e c t K e y a n y T y p e z b w N T n L X > < a : K e y V a l u e O f D i a g r a m O b j e c t K e y a n y T y p e z b w N T n L X > < a : K e y > < K e y > T a b l e s \ T b l _ D i a l o g u e \ C o l u m n s \ C o m m e n t   I D < / K e y > < / a : K e y > < a : V a l u e   i : t y p e = " D i a g r a m D i s p l a y N o d e V i e w S t a t e " > < H e i g h t > 1 5 0 < / H e i g h t > < I s E x p a n d e d > t r u e < / I s E x p a n d e d > < W i d t h > 2 0 0 < / W i d t h > < / a : V a l u e > < / a : K e y V a l u e O f D i a g r a m O b j e c t K e y a n y T y p e z b w N T n L X > < a : K e y V a l u e O f D i a g r a m O b j e c t K e y a n y T y p e z b w N T n L X > < a : K e y > < K e y > T a b l e s \ T b l _ D i a l o g u e \ C o l u m n s \ C o m m e n t < / K e y > < / a : K e y > < a : V a l u e   i : t y p e = " D i a g r a m D i s p l a y N o d e V i e w S t a t e " > < H e i g h t > 1 5 0 < / H e i g h t > < I s E x p a n d e d > t r u e < / I s E x p a n d e d > < W i d t h > 2 0 0 < / W i d t h > < / a : V a l u e > < / a : K e y V a l u e O f D i a g r a m O b j e c t K e y a n y T y p e z b w N T n L X > < a : K e y V a l u e O f D i a g r a m O b j e c t K e y a n y T y p e z b w N T n L X > < a : K e y > < K e y > T a b l e s \ T b l _ D i a l o g u e \ C o l u m n s \ R e s p o n d e r < / K e y > < / a : K e y > < a : V a l u e   i : t y p e = " D i a g r a m D i s p l a y N o d e V i e w S t a t e " > < H e i g h t > 1 5 0 < / H e i g h t > < I s E x p a n d e d > t r u e < / I s E x p a n d e d > < W i d t h > 2 0 0 < / W i d t h > < / a : V a l u e > < / a : K e y V a l u e O f D i a g r a m O b j e c t K e y a n y T y p e z b w N T n L X > < a : K e y V a l u e O f D i a g r a m O b j e c t K e y a n y T y p e z b w N T n L X > < a : K e y > < K e y > T a b l e s \ T b l _ D i a l o g u e \ C o l u m n s \ R e s p o n s e < / K e y > < / a : K e y > < a : V a l u e   i : t y p e = " D i a g r a m D i s p l a y N o d e V i e w S t a t e " > < H e i g h t > 1 5 0 < / H e i g h t > < I s E x p a n d e d > t r u e < / I s E x p a n d e d > < W i d t h > 2 0 0 < / W i d t h > < / a : V a l u e > < / a : K e y V a l u e O f D i a g r a m O b j e c t K e y a n y T y p e z b w N T n L X > < a : K e y V a l u e O f D i a g r a m O b j e c t K e y a n y T y p e z b w N T n L X > < a : K e y > < K e y > T a b l e s \ T b l _ D i a l o g u e \ C o l u m n s \ D a t e < / K e y > < / a : K e y > < a : V a l u e   i : t y p e = " D i a g r a m D i s p l a y N o d e V i e w S t a t e " > < H e i g h t > 1 5 0 < / H e i g h t > < I s E x p a n d e d > t r u e < / I s E x p a n d e d > < W i d t h > 2 0 0 < / W i d t h > < / a : V a l u e > < / a : K e y V a l u e O f D i a g r a m O b j e c t K e y a n y T y p e z b w N T n L X > < a : K e y V a l u e O f D i a g r a m O b j e c t K e y a n y T y p e z b w N T n L X > < a : K e y > < K e y > T a b l e s \ T b l _ D i a l o g u e \ C o l u m n s \ S t a t u s < / K e y > < / a : K e y > < a : V a l u e   i : t y p e = " D i a g r a m D i s p l a y N o d e V i e w S t a t e " > < H e i g h t > 1 5 0 < / H e i g h t > < I s E x p a n d e d > t r u e < / I s E x p a n d e d > < W i d t h > 2 0 0 < / W i d t h > < / a : V a l u e > < / a : K e y V a l u e O f D i a g r a m O b j e c t K e y a n y T y p e z b w N T n L X > < / V i e w S t a t e s > < / D i a g r a m M a n a g e r . S e r i a l i z a b l e D i a g r a m > < D i a g r a m M a n a g e r . S e r i a l i z a b l e D i a g r a m > < A d a p t e r   i : t y p e = " M e a s u r e D i a g r a m S a n d b o x A d a p t e r " > < T a b l e N a m e > T b l _ D i a l o g u e < / T a b l e N a m e > < / A d a p t e r > < D i a g r a m T y p e > M e a s u r e D i a g r a m < / D i a g r a m T y p e > < D i s p l a y C o n t e x t   i : t y p e = " M e a s u r e G r i d D i s p l a y C o n t e x t " > < C o l u m n T a g K e y > < K e y > S t a t i c   T a g s \ C o l u m n < / K e y > < / C o l u m n T a g K e y > < E r r o r s T a g G r o u p K e y > < K e y > T a g G r o u p s \ E r r o r s < / K e y > < / E r r o r s T a g G r o u p K e y > < F o r m u l a T a g K e y > < K e y > S t a t i c   T a g s \ F o r m u l a < / K e y > < / F o r m u l a T a g K e y > < H i d d e n T a g K e y > < K e y > S t a t i c   T a g s \ H i d d e n < / K e y > < / H i d d e n T a g K e y > < H o s t T y p e > M o d e l e r W i n d o w < / H o s t T y p e > < I m p l i c i t M e a s u r e S o u r c e C o l u m n L i n k T a g K e y > < K e y > S t a t i c   T a g s \ I m p l i c i t   M e a s u r e   a n d   S o u r c e   C o l u m n   L i n k < / K e y > < / I m p l i c i t M e a s u r e S o u r c e C o l u m n L i n k T a g K e y > < I m p l i c i t M e a s u r e T a g K e y > < K e y > S t a t i c   T a g s \ I s   i m p l i c i t   m e a s u r e < / K e y > < / I m p l i c i t M e a s u r e T a g K e y > < K p i T a g K e y > < K e y > S t a t i c   T a g s \ K P I < / K e y > < / K p i T a g K e y > < M e a s u r e T a g K e y > < K e y > S t a t i c   T a g s \ M e a s u r e < / K e y > < / M e a s u r e T a g K e y > < V a l u e T a g K e y > < K e y > S t a t i c   T a g s \ V a l u e < / K e y > < / V a l u e T a g K e y > < / D i s p l a y C o n t e x t > < D i s p l a y T y p e > M e a s u r e G r i d < / D i s p l a y T y p e > < K e y   i : t y p e = " S a n d b o x E d i t o r M e a s u r e G r i d K e y " > < T a b l e N a m e > T b l _ D i a l o g u e < / T a b l e N a m e > < / K e y > < M a i n t a i n e r   i : t y p e = " M e a s u r e D i a g r a m . M e a s u r e D i a g r a m M a i n t a i n e r " > < A l l K e y s > < D i a g r a m O b j e c t K e y > < K e y > M e a s u r e   D i a g r a m < / K e y > < / D i a g r a m O b j e c t K e y > < D i a g r a m O b j e c t K e y > < K e y > A c t i o n s \ D e l e t e < / K e y > < / D i a g r a m O b j e c t K e y > < D i a g r a m O b j e c t K e y > < K e y > A c t i o n s \ C o n v e r t   t o   K P I < / K e y > < / D i a g r a m O b j e c t K e y > < D i a g r a m O b j e c t K e y > < K e y > A c t i o n s \ E d i t   K P I < / K e y > < / D i a g r a m O b j e c t K e y > < D i a g r a m O b j e c t K e y > < K e y > A c t i o n s \ R e m o v e   K P I < / K e y > < / D i a g r a m O b j e c t K e y > < D i a g r a m O b j e c t K e y > < K e y > A c t i o n s \ C o p y   M e a s u r e < / K e y > < / D i a g r a m O b j e c t K e y > < D i a g r a m O b j e c t K e y > < K e y > A c t i o n s \ A u t o M e a s u r e _ S u m < / K e y > < / D i a g r a m O b j e c t K e y > < D i a g r a m O b j e c t K e y > < K e y > A c t i o n s \ A u t o M e a s u r e _ C o u n t < / K e y > < / D i a g r a m O b j e c t K e y > < D i a g r a m O b j e c t K e y > < K e y > A c t i o n s \ A u t o M e a s u r e _ A v e r a g e < / K e y > < / D i a g r a m O b j e c t K e y > < D i a g r a m O b j e c t K e y > < K e y > A c t i o n s \ A u t o M e a s u r e _ M a x < / K e y > < / D i a g r a m O b j e c t K e y > < D i a g r a m O b j e c t K e y > < K e y > A c t i o n s \ A u t o M e a s u r e _ M i n < / K e y > < / D i a g r a m O b j e c t K e y > < D i a g r a m O b j e c t K e y > < K e y > A c t i o n s \ A u t o M e a s u r e _ S t d D e v < / K e y > < / D i a g r a m O b j e c t K e y > < D i a g r a m O b j e c t K e y > < K e y > A c t i o n s \ A u t o M e a s u r e _ S t d D e v p < / K e y > < / D i a g r a m O b j e c t K e y > < D i a g r a m O b j e c t K e y > < K e y > A c t i o n s \ A u t o M e a s u r e _ V a r < / K e y > < / D i a g r a m O b j e c t K e y > < D i a g r a m O b j e c t K e y > < K e y > A c t i o n s \ A u t o M e a s u r e _ V a r p < / K e y > < / D i a g r a m O b j e c t K e y > < D i a g r a m O b j e c t K e y > < K e y > A c t i o n s \ A u t o M e a s u r e _ D i s t i n c t C o u n t < / K e y > < / D i a g r a m O b j e c t K e y > < D i a g r a m O b j e c t K e y > < K e y > A c t i o n s \ E d i t < / K e y > < / D i a g r a m O b j e c t K e y > < D i a g r a m O b j e c t K e y > < K e y > A c t i o n s \ C r e a t e < / K e y > < / D i a g r a m O b j e c t K e y > < D i a g r a m O b j e c t K e y > < K e y > A c t i o n s \ F o r m a t < / K e y > < / D i a g r a m O b j e c t K e y > < D i a g r a m O b j e c t K e y > < K e y > A c t i o n s \ E d i t   D e s c r i p t i o n < / K e y > < / D i a g r a m O b j e c t K e y > < D i a g r a m O b j e c t K e y > < K e y > A c t i o n s \ H i d e   M e a s u r e s < / K e y > < / D i a g r a m O b j e c t K e y > < D i a g r a m O b j e c t K e y > < K e y > A c t i o n s \ U n h i d e   M e a s u r e s < / K e y > < / D i a g r a m O b j e c t K e y > < D i a g r a m O b j e c t K e y > < K e y > T a g G r o u p s \ T y p e s < / K e y > < / D i a g r a m O b j e c t K e y > < D i a g r a m O b j e c t K e y > < K e y > T a g G r o u p s \ L i n k   T y p e s < / K e y > < / D i a g r a m O b j e c t K e y > < D i a g r a m O b j e c t K e y > < K e y > T a g G r o u p s \ K P I < / K e y > < / D i a g r a m O b j e c t K e y > < D i a g r a m O b j e c t K e y > < K e y > T a g G r o u p s \ E r r o r s < / K e y > < / D i a g r a m O b j e c t K e y > < D i a g r a m O b j e c t K e y > < K e y > T a g G r o u p s \ V a l u e s   a n d   F o r m u l a s < / K e y > < / D i a g r a m O b j e c t K e y > < D i a g r a m O b j e c t K e y > < K e y > T a g G r o u p s \ S t a t e < / K e y > < / D i a g r a m O b j e c t K e y > < D i a g r a m O b j e c t K e y > < K e y > S t a t i c   T a g s \ C o l u m n < / K e y > < / D i a g r a m O b j e c t K e y > < D i a g r a m O b j e c t K e y > < K e y > S t a t i c   T a g s \ M e a s u r e < / K e y > < / D i a g r a m O b j e c t K e y > < D i a g r a m O b j e c t K e y > < K e y > S t a t i c   T a g s \ I m p l i c i t   M e a s u r e   a n d   S o u r c e   C o l u m n   L i n k < / K e y > < / D i a g r a m O b j e c t K e y > < D i a g r a m O b j e c t K e y > < K e y > S t a t i c   T a g s \ K P I < / K e y > < / D i a g r a m O b j e c t K e y > < D i a g r a m O b j e c t K e y > < K e y > S t a t i c   T a g s \ S e m a n t i c   E r r o r < / K e y > < / D i a g r a m O b j e c t K e y > < D i a g r a m O b j e c t K e y > < K e y > S t a t i c   T a g s \ C a l c u l a t i o n   E r r o r < / K e y > < / D i a g r a m O b j e c t K e y > < D i a g r a m O b j e c t K e y > < K e y > S t a t i c   T a g s \ V a l u e < / K e y > < / D i a g r a m O b j e c t K e y > < D i a g r a m O b j e c t K e y > < K e y > S t a t i c   T a g s \ F o r m u l a < / K e y > < / D i a g r a m O b j e c t K e y > < D i a g r a m O b j e c t K e y > < K e y > S t a t i c   T a g s \ E v a l u a t i o n   i n   p r o g r e s s < / K e y > < / D i a g r a m O b j e c t K e y > < D i a g r a m O b j e c t K e y > < K e y > S t a t i c   T a g s \ I s   i m p l i c i t   m e a s u r e < / K e y > < / D i a g r a m O b j e c t K e y > < D i a g r a m O b j e c t K e y > < K e y > S t a t i c   T a g s \ H i d d e n < / K e y > < / D i a g r a m O b j e c t K e y > < D i a g r a m O b j e c t K e y > < K e y > S t a t i c   T a g s \ N o t   i n   p e r s p e c t i v e < / K e y > < / D i a g r a m O b j e c t K e y > < D i a g r a m O b j e c t K e y > < K e y > S t a t i c   T a g s \ I s   r e a d o n l y < / K e y > < / D i a g r a m O b j e c t K e y > < D i a g r a m O b j e c t K e y > < K e y > C o l u m n s \ C o m m e n t   I D < / K e y > < / D i a g r a m O b j e c t K e y > < D i a g r a m O b j e c t K e y > < K e y > C o l u m n s \ C o m m e n t < / K e y > < / D i a g r a m O b j e c t K e y > < D i a g r a m O b j e c t K e y > < K e y > C o l u m n s \ R e s p o n d e r < / K e y > < / D i a g r a m O b j e c t K e y > < D i a g r a m O b j e c t K e y > < K e y > C o l u m n s \ R e s p o n s e < / K e y > < / D i a g r a m O b j e c t K e y > < D i a g r a m O b j e c t K e y > < K e y > C o l u m n s \ D a t e < / K e y > < / D i a g r a m O b j e c t K e y > < D i a g r a m O b j e c t K e y > < K e y > C o l u m n s \ S t a t u s < / K e y > < / D i a g r a m O b j e c t K e y > < / A l l K e y s > < S e l e c t e d K e y s / > < / M a i n t a i n e r > < V i e w S t a t e F a c t o r y T y p e > M i c r o s o f t . A n a l y s i s S e r v i c e s . C o m m o n . M e a s u r e G r i d V i e w S t a t e F a c t o r y < / V i e w S t a t e F a c t o r y T y p e > < V i e w S t a t e s   x m l n s : a = " h t t p : / / s c h e m a s . m i c r o s o f t . c o m / 2 0 0 3 / 1 0 / S e r i a l i z a t i o n / A r r a y s " > < a : K e y V a l u e O f D i a g r a m O b j e c t K e y a n y T y p e z b w N T n L X > < a : K e y > < K e y > M e a s u r e   D i a g r a m < / K e y > < / a : K e y > < a : V a l u e   i : t y p e = " M e a s u r e G r i d D i a g r a m V i e w S t a t e " > < F o c u s C o l u m n > - 1 < / F o c u s C o l u m n > < F o c u s R o w > - 1 < / F o c u s R o w > < S e l e c t i o n E n d C o l u m n > - 1 < / S e l e c t i o n E n d C o l u m n > < S e l e c t i o n E n d R o w > - 1 < / S e l e c t i o n E n d R o w > < S e l e c t i o n S t a r t C o l u m n > - 1 < / S e l e c t i o n S t a r t C o l u m n > < S e l e c t i o n S t a r t R o w > - 1 < / S e l e c t i o n S t a r t R o w > < T e x t s / > < / a : V a l u e > < / a : K e y V a l u e O f D i a g r a m O b j e c t K e y a n y T y p e z b w N T n L X > < a : K e y V a l u e O f D i a g r a m O b j e c t K e y a n y T y p e z b w N T n L X > < a : K e y > < K e y > A c t i o n s \ D e l e t e < / K e y > < / a : K e y > < a : V a l u e   i : t y p e = " M e a s u r e G r i d V i e w S t a t e I D i a g r a m A c t i o n " / > < / a : K e y V a l u e O f D i a g r a m O b j e c t K e y a n y T y p e z b w N T n L X > < a : K e y V a l u e O f D i a g r a m O b j e c t K e y a n y T y p e z b w N T n L X > < a : K e y > < K e y > A c t i o n s \ C o n v e r t   t o   K P I < / K e y > < / a : K e y > < a : V a l u e   i : t y p e = " M e a s u r e G r i d V i e w S t a t e I D i a g r a m A c t i o n " / > < / a : K e y V a l u e O f D i a g r a m O b j e c t K e y a n y T y p e z b w N T n L X > < a : K e y V a l u e O f D i a g r a m O b j e c t K e y a n y T y p e z b w N T n L X > < a : K e y > < K e y > A c t i o n s \ E d i t   K P I < / K e y > < / a : K e y > < a : V a l u e   i : t y p e = " M e a s u r e G r i d V i e w S t a t e I D i a g r a m A c t i o n " / > < / a : K e y V a l u e O f D i a g r a m O b j e c t K e y a n y T y p e z b w N T n L X > < a : K e y V a l u e O f D i a g r a m O b j e c t K e y a n y T y p e z b w N T n L X > < a : K e y > < K e y > A c t i o n s \ R e m o v e   K P I < / K e y > < / a : K e y > < a : V a l u e   i : t y p e = " M e a s u r e G r i d V i e w S t a t e I D i a g r a m A c t i o n " / > < / a : K e y V a l u e O f D i a g r a m O b j e c t K e y a n y T y p e z b w N T n L X > < a : K e y V a l u e O f D i a g r a m O b j e c t K e y a n y T y p e z b w N T n L X > < a : K e y > < K e y > A c t i o n s \ C o p y   M e a s u r e < / K e y > < / a : K e y > < a : V a l u e   i : t y p e = " M e a s u r e G r i d V i e w S t a t e I D i a g r a m A c t i o n " / > < / a : K e y V a l u e O f D i a g r a m O b j e c t K e y a n y T y p e z b w N T n L X > < a : K e y V a l u e O f D i a g r a m O b j e c t K e y a n y T y p e z b w N T n L X > < a : K e y > < K e y > A c t i o n s \ A u t o M e a s u r e _ S u m < / K e y > < / a : K e y > < a : V a l u e   i : t y p e = " M e a s u r e G r i d V i e w S t a t e I D i a g r a m A c t i o n " / > < / a : K e y V a l u e O f D i a g r a m O b j e c t K e y a n y T y p e z b w N T n L X > < a : K e y V a l u e O f D i a g r a m O b j e c t K e y a n y T y p e z b w N T n L X > < a : K e y > < K e y > A c t i o n s \ A u t o M e a s u r e _ C o u n t < / K e y > < / a : K e y > < a : V a l u e   i : t y p e = " M e a s u r e G r i d V i e w S t a t e I D i a g r a m A c t i o n " / > < / a : K e y V a l u e O f D i a g r a m O b j e c t K e y a n y T y p e z b w N T n L X > < a : K e y V a l u e O f D i a g r a m O b j e c t K e y a n y T y p e z b w N T n L X > < a : K e y > < K e y > A c t i o n s \ A u t o M e a s u r e _ A v e r a g e < / K e y > < / a : K e y > < a : V a l u e   i : t y p e = " M e a s u r e G r i d V i e w S t a t e I D i a g r a m A c t i o n " / > < / a : K e y V a l u e O f D i a g r a m O b j e c t K e y a n y T y p e z b w N T n L X > < a : K e y V a l u e O f D i a g r a m O b j e c t K e y a n y T y p e z b w N T n L X > < a : K e y > < K e y > A c t i o n s \ A u t o M e a s u r e _ M a x < / K e y > < / a : K e y > < a : V a l u e   i : t y p e = " M e a s u r e G r i d V i e w S t a t e I D i a g r a m A c t i o n " / > < / a : K e y V a l u e O f D i a g r a m O b j e c t K e y a n y T y p e z b w N T n L X > < a : K e y V a l u e O f D i a g r a m O b j e c t K e y a n y T y p e z b w N T n L X > < a : K e y > < K e y > A c t i o n s \ A u t o M e a s u r e _ M i n < / K e y > < / a : K e y > < a : V a l u e   i : t y p e = " M e a s u r e G r i d V i e w S t a t e I D i a g r a m A c t i o n " / > < / a : K e y V a l u e O f D i a g r a m O b j e c t K e y a n y T y p e z b w N T n L X > < a : K e y V a l u e O f D i a g r a m O b j e c t K e y a n y T y p e z b w N T n L X > < a : K e y > < K e y > A c t i o n s \ A u t o M e a s u r e _ S t d D e v < / K e y > < / a : K e y > < a : V a l u e   i : t y p e = " M e a s u r e G r i d V i e w S t a t e I D i a g r a m A c t i o n " / > < / a : K e y V a l u e O f D i a g r a m O b j e c t K e y a n y T y p e z b w N T n L X > < a : K e y V a l u e O f D i a g r a m O b j e c t K e y a n y T y p e z b w N T n L X > < a : K e y > < K e y > A c t i o n s \ A u t o M e a s u r e _ S t d D e v p < / K e y > < / a : K e y > < a : V a l u e   i : t y p e = " M e a s u r e G r i d V i e w S t a t e I D i a g r a m A c t i o n " / > < / a : K e y V a l u e O f D i a g r a m O b j e c t K e y a n y T y p e z b w N T n L X > < a : K e y V a l u e O f D i a g r a m O b j e c t K e y a n y T y p e z b w N T n L X > < a : K e y > < K e y > A c t i o n s \ A u t o M e a s u r e _ V a r < / K e y > < / a : K e y > < a : V a l u e   i : t y p e = " M e a s u r e G r i d V i e w S t a t e I D i a g r a m A c t i o n " / > < / a : K e y V a l u e O f D i a g r a m O b j e c t K e y a n y T y p e z b w N T n L X > < a : K e y V a l u e O f D i a g r a m O b j e c t K e y a n y T y p e z b w N T n L X > < a : K e y > < K e y > A c t i o n s \ A u t o M e a s u r e _ V a r p < / K e y > < / a : K e y > < a : V a l u e   i : t y p e = " M e a s u r e G r i d V i e w S t a t e I D i a g r a m A c t i o n " / > < / a : K e y V a l u e O f D i a g r a m O b j e c t K e y a n y T y p e z b w N T n L X > < a : K e y V a l u e O f D i a g r a m O b j e c t K e y a n y T y p e z b w N T n L X > < a : K e y > < K e y > A c t i o n s \ A u t o M e a s u r e _ D i s t i n c t C o u n t < / K e y > < / a : K e y > < a : V a l u e   i : t y p e = " M e a s u r e G r i d V i e w S t a t e I D i a g r a m A c t i o n " / > < / a : K e y V a l u e O f D i a g r a m O b j e c t K e y a n y T y p e z b w N T n L X > < a : K e y V a l u e O f D i a g r a m O b j e c t K e y a n y T y p e z b w N T n L X > < a : K e y > < K e y > A c t i o n s \ E d i t < / K e y > < / a : K e y > < a : V a l u e   i : t y p e = " M e a s u r e G r i d V i e w S t a t e I D i a g r a m A c t i o n " / > < / a : K e y V a l u e O f D i a g r a m O b j e c t K e y a n y T y p e z b w N T n L X > < a : K e y V a l u e O f D i a g r a m O b j e c t K e y a n y T y p e z b w N T n L X > < a : K e y > < K e y > A c t i o n s \ C r e a t e < / K e y > < / a : K e y > < a : V a l u e   i : t y p e = " M e a s u r e G r i d V i e w S t a t e I D i a g r a m A c t i o n " / > < / a : K e y V a l u e O f D i a g r a m O b j e c t K e y a n y T y p e z b w N T n L X > < a : K e y V a l u e O f D i a g r a m O b j e c t K e y a n y T y p e z b w N T n L X > < a : K e y > < K e y > A c t i o n s \ F o r m a t < / K e y > < / a : K e y > < a : V a l u e   i : t y p e = " M e a s u r e G r i d V i e w S t a t e I D i a g r a m A c t i o n " / > < / a : K e y V a l u e O f D i a g r a m O b j e c t K e y a n y T y p e z b w N T n L X > < a : K e y V a l u e O f D i a g r a m O b j e c t K e y a n y T y p e z b w N T n L X > < a : K e y > < K e y > A c t i o n s \ E d i t   D e s c r i p t i o n < / K e y > < / a : K e y > < a : V a l u e   i : t y p e = " M e a s u r e G r i d V i e w S t a t e I D i a g r a m A c t i o n " / > < / a : K e y V a l u e O f D i a g r a m O b j e c t K e y a n y T y p e z b w N T n L X > < a : K e y V a l u e O f D i a g r a m O b j e c t K e y a n y T y p e z b w N T n L X > < a : K e y > < K e y > A c t i o n s \ H i d e   M e a s u r e s < / K e y > < / a : K e y > < a : V a l u e   i : t y p e = " M e a s u r e G r i d V i e w S t a t e I D i a g r a m A c t i o n " / > < / a : K e y V a l u e O f D i a g r a m O b j e c t K e y a n y T y p e z b w N T n L X > < a : K e y V a l u e O f D i a g r a m O b j e c t K e y a n y T y p e z b w N T n L X > < a : K e y > < K e y > A c t i o n s \ U n h i d e   M e a s u r e s < / K e y > < / a : K e y > < a : V a l u e   i : t y p e = " M e a s u r e G r i d V i e w S t a t e I D i a g r a m A c t i o n " / > < / a : K e y V a l u e O f D i a g r a m O b j e c t K e y a n y T y p e z b w N T n L X > < a : K e y V a l u e O f D i a g r a m O b j e c t K e y a n y T y p e z b w N T n L X > < a : K e y > < K e y > T a g G r o u p s \ T y p e s < / K e y > < / a : K e y > < a : V a l u e   i : t y p e = " M e a s u r e G r i d V i e w S t a t e I D i a g r a m T a g G r o u p " / > < / a : K e y V a l u e O f D i a g r a m O b j e c t K e y a n y T y p e z b w N T n L X > < a : K e y V a l u e O f D i a g r a m O b j e c t K e y a n y T y p e z b w N T n L X > < a : K e y > < K e y > T a g G r o u p s \ L i n k   T y p e s < / K e y > < / a : K e y > < a : V a l u e   i : t y p e = " M e a s u r e G r i d V i e w S t a t e I D i a g r a m T a g G r o u p " / > < / a : K e y V a l u e O f D i a g r a m O b j e c t K e y a n y T y p e z b w N T n L X > < a : K e y V a l u e O f D i a g r a m O b j e c t K e y a n y T y p e z b w N T n L X > < a : K e y > < K e y > T a g G r o u p s \ K P I < / K e y > < / a : K e y > < a : V a l u e   i : t y p e = " M e a s u r e G r i d V i e w S t a t e I D i a g r a m T a g G r o u p " / > < / a : K e y V a l u e O f D i a g r a m O b j e c t K e y a n y T y p e z b w N T n L X > < a : K e y V a l u e O f D i a g r a m O b j e c t K e y a n y T y p e z b w N T n L X > < a : K e y > < K e y > T a g G r o u p s \ E r r o r s < / K e y > < / a : K e y > < a : V a l u e   i : t y p e = " M e a s u r e G r i d V i e w S t a t e I D i a g r a m T a g G r o u p " / > < / a : K e y V a l u e O f D i a g r a m O b j e c t K e y a n y T y p e z b w N T n L X > < a : K e y V a l u e O f D i a g r a m O b j e c t K e y a n y T y p e z b w N T n L X > < a : K e y > < K e y > T a g G r o u p s \ V a l u e s   a n d   F o r m u l a s < / K e y > < / a : K e y > < a : V a l u e   i : t y p e = " M e a s u r e G r i d V i e w S t a t e I D i a g r a m T a g G r o u p " / > < / a : K e y V a l u e O f D i a g r a m O b j e c t K e y a n y T y p e z b w N T n L X > < a : K e y V a l u e O f D i a g r a m O b j e c t K e y a n y T y p e z b w N T n L X > < a : K e y > < K e y > T a g G r o u p s \ S t a t e < / K e y > < / a : K e y > < a : V a l u e   i : t y p e = " M e a s u r e G r i d V i e w S t a t e I D i a g r a m T a g G r o u p " / > < / a : K e y V a l u e O f D i a g r a m O b j e c t K e y a n y T y p e z b w N T n L X > < a : K e y V a l u e O f D i a g r a m O b j e c t K e y a n y T y p e z b w N T n L X > < a : K e y > < K e y > S t a t i c   T a g s \ C o l u m n < / K e y > < / a : K e y > < a : V a l u e   i : t y p e = " M e a s u r e G r i d V i e w S t a t e I D i a g r a m T a g " / > < / a : K e y V a l u e O f D i a g r a m O b j e c t K e y a n y T y p e z b w N T n L X > < a : K e y V a l u e O f D i a g r a m O b j e c t K e y a n y T y p e z b w N T n L X > < a : K e y > < K e y > S t a t i c   T a g s \ M e a s u r e < / K e y > < / a : K e y > < a : V a l u e   i : t y p e = " M e a s u r e G r i d V i e w S t a t e I D i a g r a m T a g " / > < / a : K e y V a l u e O f D i a g r a m O b j e c t K e y a n y T y p e z b w N T n L X > < a : K e y V a l u e O f D i a g r a m O b j e c t K e y a n y T y p e z b w N T n L X > < a : K e y > < K e y > S t a t i c   T a g s \ I m p l i c i t   M e a s u r e   a n d   S o u r c e   C o l u m n   L i n k < / K e y > < / a : K e y > < a : V a l u e   i : t y p e = " M e a s u r e G r i d V i e w S t a t e I D i a g r a m T a g " / > < / a : K e y V a l u e O f D i a g r a m O b j e c t K e y a n y T y p e z b w N T n L X > < a : K e y V a l u e O f D i a g r a m O b j e c t K e y a n y T y p e z b w N T n L X > < a : K e y > < K e y > S t a t i c   T a g s \ K P I < / K e y > < / a : K e y > < a : V a l u e   i : t y p e = " M e a s u r e G r i d V i e w S t a t e I D i a g r a m T a g " / > < / a : K e y V a l u e O f D i a g r a m O b j e c t K e y a n y T y p e z b w N T n L X > < a : K e y V a l u e O f D i a g r a m O b j e c t K e y a n y T y p e z b w N T n L X > < a : K e y > < K e y > S t a t i c   T a g s \ S e m a n t i c   E r r o r < / K e y > < / a : K e y > < a : V a l u e   i : t y p e = " M e a s u r e G r i d V i e w S t a t e I D i a g r a m T a g " / > < / a : K e y V a l u e O f D i a g r a m O b j e c t K e y a n y T y p e z b w N T n L X > < a : K e y V a l u e O f D i a g r a m O b j e c t K e y a n y T y p e z b w N T n L X > < a : K e y > < K e y > S t a t i c   T a g s \ C a l c u l a t i o n   E r r o r < / K e y > < / a : K e y > < a : V a l u e   i : t y p e = " M e a s u r e G r i d V i e w S t a t e I D i a g r a m T a g " / > < / a : K e y V a l u e O f D i a g r a m O b j e c t K e y a n y T y p e z b w N T n L X > < a : K e y V a l u e O f D i a g r a m O b j e c t K e y a n y T y p e z b w N T n L X > < a : K e y > < K e y > S t a t i c   T a g s \ V a l u e < / K e y > < / a : K e y > < a : V a l u e   i : t y p e = " M e a s u r e G r i d V i e w S t a t e I D i a g r a m T a g " / > < / a : K e y V a l u e O f D i a g r a m O b j e c t K e y a n y T y p e z b w N T n L X > < a : K e y V a l u e O f D i a g r a m O b j e c t K e y a n y T y p e z b w N T n L X > < a : K e y > < K e y > S t a t i c   T a g s \ F o r m u l a < / K e y > < / a : K e y > < a : V a l u e   i : t y p e = " M e a s u r e G r i d V i e w S t a t e I D i a g r a m T a g " / > < / a : K e y V a l u e O f D i a g r a m O b j e c t K e y a n y T y p e z b w N T n L X > < a : K e y V a l u e O f D i a g r a m O b j e c t K e y a n y T y p e z b w N T n L X > < a : K e y > < K e y > S t a t i c   T a g s \ E v a l u a t i o n   i n   p r o g r e s s < / K e y > < / a : K e y > < a : V a l u e   i : t y p e = " M e a s u r e G r i d V i e w S t a t e I D i a g r a m T a g " / > < / a : K e y V a l u e O f D i a g r a m O b j e c t K e y a n y T y p e z b w N T n L X > < a : K e y V a l u e O f D i a g r a m O b j e c t K e y a n y T y p e z b w N T n L X > < a : K e y > < K e y > S t a t i c   T a g s \ I s   i m p l i c i t   m e a s u r e < / K e y > < / a : K e y > < a : V a l u e   i : t y p e = " M e a s u r e G r i d V i e w S t a t e I D i a g r a m T a g " / > < / a : K e y V a l u e O f D i a g r a m O b j e c t K e y a n y T y p e z b w N T n L X > < a : K e y V a l u e O f D i a g r a m O b j e c t K e y a n y T y p e z b w N T n L X > < a : K e y > < K e y > S t a t i c   T a g s \ H i d d e n < / K e y > < / a : K e y > < a : V a l u e   i : t y p e = " M e a s u r e G r i d V i e w S t a t e I D i a g r a m T a g " / > < / a : K e y V a l u e O f D i a g r a m O b j e c t K e y a n y T y p e z b w N T n L X > < a : K e y V a l u e O f D i a g r a m O b j e c t K e y a n y T y p e z b w N T n L X > < a : K e y > < K e y > S t a t i c   T a g s \ N o t   i n   p e r s p e c t i v e < / K e y > < / a : K e y > < a : V a l u e   i : t y p e = " M e a s u r e G r i d V i e w S t a t e I D i a g r a m T a g " / > < / a : K e y V a l u e O f D i a g r a m O b j e c t K e y a n y T y p e z b w N T n L X > < a : K e y V a l u e O f D i a g r a m O b j e c t K e y a n y T y p e z b w N T n L X > < a : K e y > < K e y > S t a t i c   T a g s \ I s   r e a d o n l y < / K e y > < / a : K e y > < a : V a l u e   i : t y p e = " M e a s u r e G r i d V i e w S t a t e I D i a g r a m T a g " / > < / a : K e y V a l u e O f D i a g r a m O b j e c t K e y a n y T y p e z b w N T n L X > < a : K e y V a l u e O f D i a g r a m O b j e c t K e y a n y T y p e z b w N T n L X > < a : K e y > < K e y > C o l u m n s \ C o m m e n t   I D < / K e y > < / a : K e y > < a : V a l u e   i : t y p e = " M e a s u r e G r i d N o d e V i e w S t a t e " > < L a y e d O u t > t r u e < / L a y e d O u t > < / a : V a l u e > < / a : K e y V a l u e O f D i a g r a m O b j e c t K e y a n y T y p e z b w N T n L X > < a : K e y V a l u e O f D i a g r a m O b j e c t K e y a n y T y p e z b w N T n L X > < a : K e y > < K e y > C o l u m n s \ C o m m e n t < / K e y > < / a : K e y > < a : V a l u e   i : t y p e = " M e a s u r e G r i d N o d e V i e w S t a t e " > < C o l u m n > 1 < / C o l u m n > < L a y e d O u t > t r u e < / L a y e d O u t > < / a : V a l u e > < / a : K e y V a l u e O f D i a g r a m O b j e c t K e y a n y T y p e z b w N T n L X > < a : K e y V a l u e O f D i a g r a m O b j e c t K e y a n y T y p e z b w N T n L X > < a : K e y > < K e y > C o l u m n s \ R e s p o n d e r < / K e y > < / a : K e y > < a : V a l u e   i : t y p e = " M e a s u r e G r i d N o d e V i e w S t a t e " > < C o l u m n > 2 < / C o l u m n > < L a y e d O u t > t r u e < / L a y e d O u t > < / a : V a l u e > < / a : K e y V a l u e O f D i a g r a m O b j e c t K e y a n y T y p e z b w N T n L X > < a : K e y V a l u e O f D i a g r a m O b j e c t K e y a n y T y p e z b w N T n L X > < a : K e y > < K e y > C o l u m n s \ R e s p o n s e < / K e y > < / a : K e y > < a : V a l u e   i : t y p e = " M e a s u r e G r i d N o d e V i e w S t a t e " > < C o l u m n > 3 < / C o l u m n > < L a y e d O u t > t r u e < / L a y e d O u t > < / a : V a l u e > < / a : K e y V a l u e O f D i a g r a m O b j e c t K e y a n y T y p e z b w N T n L X > < a : K e y V a l u e O f D i a g r a m O b j e c t K e y a n y T y p e z b w N T n L X > < a : K e y > < K e y > C o l u m n s \ D a t e < / K e y > < / a : K e y > < a : V a l u e   i : t y p e = " M e a s u r e G r i d N o d e V i e w S t a t e " > < C o l u m n > 4 < / C o l u m n > < L a y e d O u t > t r u e < / L a y e d O u t > < / a : V a l u e > < / a : K e y V a l u e O f D i a g r a m O b j e c t K e y a n y T y p e z b w N T n L X > < a : K e y V a l u e O f D i a g r a m O b j e c t K e y a n y T y p e z b w N T n L X > < a : K e y > < K e y > C o l u m n s \ S t a t u s < / K e y > < / a : K e y > < a : V a l u e   i : t y p e = " M e a s u r e G r i d N o d e V i e w S t a t e " > < C o l u m n > 5 < / C o l u m n > < L a y e d O u t > t r u e < / L a y e d O u t > < / a : V a l u e > < / a : K e y V a l u e O f D i a g r a m O b j e c t K e y a n y T y p e z b w N T n L X > < / V i e w S t a t e s > < / D i a g r a m M a n a g e r . S e r i a l i z a b l e D i a g r a m > < D i a g r a m M a n a g e r . S e r i a l i z a b l e D i a g r a m > < A d a p t e r   i : t y p e = " M e a s u r e D i a g r a m S a n d b o x A d a p t e r " > < T a b l e N a m e > T b l _ C o m m e n t s < / T a b l e N a m e > < / A d a p t e r > < D i a g r a m T y p e > M e a s u r e D i a g r a m < / D i a g r a m T y p e > < D i s p l a y C o n t e x t   i : t y p e = " M e a s u r e G r i d D i s p l a y C o n t e x t " > < C o l u m n T a g K e y > < K e y > S t a t i c   T a g s \ C o l u m n < / K e y > < / C o l u m n T a g K e y > < E r r o r s T a g G r o u p K e y > < K e y > T a g G r o u p s \ E r r o r s < / K e y > < / E r r o r s T a g G r o u p K e y > < F o r m u l a T a g K e y > < K e y > S t a t i c   T a g s \ F o r m u l a < / K e y > < / F o r m u l a T a g K e y > < H i d d e n T a g K e y > < K e y > S t a t i c   T a g s \ H i d d e n < / K e y > < / H i d d e n T a g K e y > < H o s t T y p e > M o d e l e r W i n d o w < / H o s t T y p e > < I m p l i c i t M e a s u r e S o u r c e C o l u m n L i n k T a g K e y > < K e y > S t a t i c   T a g s \ I m p l i c i t   M e a s u r e   a n d   S o u r c e   C o l u m n   L i n k < / K e y > < / I m p l i c i t M e a s u r e S o u r c e C o l u m n L i n k T a g K e y > < I m p l i c i t M e a s u r e T a g K e y > < K e y > S t a t i c   T a g s \ I s   i m p l i c i t   m e a s u r e < / K e y > < / I m p l i c i t M e a s u r e T a g K e y > < K p i T a g K e y > < K e y > S t a t i c   T a g s \ K P I < / K e y > < / K p i T a g K e y > < M e a s u r e T a g K e y > < K e y > S t a t i c   T a g s \ M e a s u r e < / K e y > < / M e a s u r e T a g K e y > < V a l u e T a g K e y > < K e y > S t a t i c   T a g s \ V a l u e < / K e y > < / V a l u e T a g K e y > < / D i s p l a y C o n t e x t > < D i s p l a y T y p e > M e a s u r e G r i d < / D i s p l a y T y p e > < K e y   i : t y p e = " S a n d b o x E d i t o r M e a s u r e G r i d K e y " > < T a b l e N a m e > T b l _ C o m m e n t s < / T a b l e N a m e > < / K e y > < M a i n t a i n e r   i : t y p e = " M e a s u r e D i a g r a m . M e a s u r e D i a g r a m M a i n t a i n e r " > < A l l K e y s > < D i a g r a m O b j e c t K e y > < K e y > M e a s u r e   D i a g r a m < / K e y > < / D i a g r a m O b j e c t K e y > < D i a g r a m O b j e c t K e y > < K e y > A c t i o n s \ D e l e t e < / K e y > < / D i a g r a m O b j e c t K e y > < D i a g r a m O b j e c t K e y > < K e y > A c t i o n s \ C o n v e r t   t o   K P I < / K e y > < / D i a g r a m O b j e c t K e y > < D i a g r a m O b j e c t K e y > < K e y > A c t i o n s \ E d i t   K P I < / K e y > < / D i a g r a m O b j e c t K e y > < D i a g r a m O b j e c t K e y > < K e y > A c t i o n s \ R e m o v e   K P I < / K e y > < / D i a g r a m O b j e c t K e y > < D i a g r a m O b j e c t K e y > < K e y > A c t i o n s \ C o p y   M e a s u r e < / K e y > < / D i a g r a m O b j e c t K e y > < D i a g r a m O b j e c t K e y > < K e y > A c t i o n s \ A u t o M e a s u r e _ S u m < / K e y > < / D i a g r a m O b j e c t K e y > < D i a g r a m O b j e c t K e y > < K e y > A c t i o n s \ A u t o M e a s u r e _ C o u n t < / K e y > < / D i a g r a m O b j e c t K e y > < D i a g r a m O b j e c t K e y > < K e y > A c t i o n s \ A u t o M e a s u r e _ A v e r a g e < / K e y > < / D i a g r a m O b j e c t K e y > < D i a g r a m O b j e c t K e y > < K e y > A c t i o n s \ A u t o M e a s u r e _ M a x < / K e y > < / D i a g r a m O b j e c t K e y > < D i a g r a m O b j e c t K e y > < K e y > A c t i o n s \ A u t o M e a s u r e _ M i n < / K e y > < / D i a g r a m O b j e c t K e y > < D i a g r a m O b j e c t K e y > < K e y > A c t i o n s \ A u t o M e a s u r e _ S t d D e v < / K e y > < / D i a g r a m O b j e c t K e y > < D i a g r a m O b j e c t K e y > < K e y > A c t i o n s \ A u t o M e a s u r e _ S t d D e v p < / K e y > < / D i a g r a m O b j e c t K e y > < D i a g r a m O b j e c t K e y > < K e y > A c t i o n s \ A u t o M e a s u r e _ V a r < / K e y > < / D i a g r a m O b j e c t K e y > < D i a g r a m O b j e c t K e y > < K e y > A c t i o n s \ A u t o M e a s u r e _ V a r p < / K e y > < / D i a g r a m O b j e c t K e y > < D i a g r a m O b j e c t K e y > < K e y > A c t i o n s \ A u t o M e a s u r e _ D i s t i n c t C o u n t < / K e y > < / D i a g r a m O b j e c t K e y > < D i a g r a m O b j e c t K e y > < K e y > A c t i o n s \ E d i t < / K e y > < / D i a g r a m O b j e c t K e y > < D i a g r a m O b j e c t K e y > < K e y > A c t i o n s \ C r e a t e < / K e y > < / D i a g r a m O b j e c t K e y > < D i a g r a m O b j e c t K e y > < K e y > A c t i o n s \ F o r m a t < / K e y > < / D i a g r a m O b j e c t K e y > < D i a g r a m O b j e c t K e y > < K e y > A c t i o n s \ E d i t   D e s c r i p t i o n < / K e y > < / D i a g r a m O b j e c t K e y > < D i a g r a m O b j e c t K e y > < K e y > A c t i o n s \ H i d e   M e a s u r e s < / K e y > < / D i a g r a m O b j e c t K e y > < D i a g r a m O b j e c t K e y > < K e y > A c t i o n s \ U n h i d e   M e a s u r e s < / K e y > < / D i a g r a m O b j e c t K e y > < D i a g r a m O b j e c t K e y > < K e y > T a g G r o u p s \ T y p e s < / K e y > < / D i a g r a m O b j e c t K e y > < D i a g r a m O b j e c t K e y > < K e y > T a g G r o u p s \ L i n k   T y p e s < / K e y > < / D i a g r a m O b j e c t K e y > < D i a g r a m O b j e c t K e y > < K e y > T a g G r o u p s \ K P I < / K e y > < / D i a g r a m O b j e c t K e y > < D i a g r a m O b j e c t K e y > < K e y > T a g G r o u p s \ E r r o r s < / K e y > < / D i a g r a m O b j e c t K e y > < D i a g r a m O b j e c t K e y > < K e y > T a g G r o u p s \ V a l u e s   a n d   F o r m u l a s < / K e y > < / D i a g r a m O b j e c t K e y > < D i a g r a m O b j e c t K e y > < K e y > T a g G r o u p s \ S t a t e < / K e y > < / D i a g r a m O b j e c t K e y > < D i a g r a m O b j e c t K e y > < K e y > S t a t i c   T a g s \ C o l u m n < / K e y > < / D i a g r a m O b j e c t K e y > < D i a g r a m O b j e c t K e y > < K e y > S t a t i c   T a g s \ M e a s u r e < / K e y > < / D i a g r a m O b j e c t K e y > < D i a g r a m O b j e c t K e y > < K e y > S t a t i c   T a g s \ I m p l i c i t   M e a s u r e   a n d   S o u r c e   C o l u m n   L i n k < / K e y > < / D i a g r a m O b j e c t K e y > < D i a g r a m O b j e c t K e y > < K e y > S t a t i c   T a g s \ K P I < / K e y > < / D i a g r a m O b j e c t K e y > < D i a g r a m O b j e c t K e y > < K e y > S t a t i c   T a g s \ S e m a n t i c   E r r o r < / K e y > < / D i a g r a m O b j e c t K e y > < D i a g r a m O b j e c t K e y > < K e y > S t a t i c   T a g s \ C a l c u l a t i o n   E r r o r < / K e y > < / D i a g r a m O b j e c t K e y > < D i a g r a m O b j e c t K e y > < K e y > S t a t i c   T a g s \ V a l u e < / K e y > < / D i a g r a m O b j e c t K e y > < D i a g r a m O b j e c t K e y > < K e y > S t a t i c   T a g s \ F o r m u l a < / K e y > < / D i a g r a m O b j e c t K e y > < D i a g r a m O b j e c t K e y > < K e y > S t a t i c   T a g s \ E v a l u a t i o n   i n   p r o g r e s s < / K e y > < / D i a g r a m O b j e c t K e y > < D i a g r a m O b j e c t K e y > < K e y > S t a t i c   T a g s \ I s   i m p l i c i t   m e a s u r e < / K e y > < / D i a g r a m O b j e c t K e y > < D i a g r a m O b j e c t K e y > < K e y > S t a t i c   T a g s \ H i d d e n < / K e y > < / D i a g r a m O b j e c t K e y > < D i a g r a m O b j e c t K e y > < K e y > S t a t i c   T a g s \ N o t   i n   p e r s p e c t i v e < / K e y > < / D i a g r a m O b j e c t K e y > < D i a g r a m O b j e c t K e y > < K e y > S t a t i c   T a g s \ I s   r e a d o n l y < / K e y > < / D i a g r a m O b j e c t K e y > < D i a g r a m O b j e c t K e y > < K e y > C o l u m n s \ C o m m e n t   I D < / K e y > < / D i a g r a m O b j e c t K e y > < D i a g r a m O b j e c t K e y > < K e y > C o l u m n s \ C o m m e n t < / K e y > < / D i a g r a m O b j e c t K e y > < D i a g r a m O b j e c t K e y > < K e y > C o l u m n s \ R e l e v a n c e < / K e y > < / D i a g r a m O b j e c t K e y > < D i a g r a m O b j e c t K e y > < K e y > C o l u m n s \ O p e n i n g   S t a t u s < / K e y > < / D i a g r a m O b j e c t K e y > < D i a g r a m O b j e c t K e y > < K e y > C o l u m n s \ D a t e < / K e y > < / D i a g r a m O b j e c t K e y > < D i a g r a m O b j e c t K e y > < K e y > C o l u m n s \ L a t e s t   S t a t u s < / K e y > < / D i a g r a m O b j e c t K e y > < D i a g r a m O b j e c t K e y > < K e y > C o l u m n s \ L a t e s t   d a t e < / K e y > < / D i a g r a m O b j e c t K e y > < / A l l K e y s > < S e l e c t e d K e y s / > < / M a i n t a i n e r > < V i e w S t a t e F a c t o r y T y p e > M i c r o s o f t . A n a l y s i s S e r v i c e s . C o m m o n . M e a s u r e G r i d V i e w S t a t e F a c t o r y < / V i e w S t a t e F a c t o r y T y p e > < V i e w S t a t e s   x m l n s : a = " h t t p : / / s c h e m a s . m i c r o s o f t . c o m / 2 0 0 3 / 1 0 / S e r i a l i z a t i o n / A r r a y s " > < a : K e y V a l u e O f D i a g r a m O b j e c t K e y a n y T y p e z b w N T n L X > < a : K e y > < K e y > M e a s u r e   D i a g r a m < / K e y > < / a : K e y > < a : V a l u e   i : t y p e = " M e a s u r e G r i d D i a g r a m V i e w S t a t e " > < F o c u s C o l u m n > - 1 < / F o c u s C o l u m n > < F o c u s R o w > - 1 < / F o c u s R o w > < S e l e c t i o n E n d C o l u m n > - 1 < / S e l e c t i o n E n d C o l u m n > < S e l e c t i o n E n d R o w > - 1 < / S e l e c t i o n E n d R o w > < S e l e c t i o n S t a r t C o l u m n > - 1 < / S e l e c t i o n S t a r t C o l u m n > < S e l e c t i o n S t a r t R o w > - 1 < / S e l e c t i o n S t a r t R o w > < T e x t s / > < / a : V a l u e > < / a : K e y V a l u e O f D i a g r a m O b j e c t K e y a n y T y p e z b w N T n L X > < a : K e y V a l u e O f D i a g r a m O b j e c t K e y a n y T y p e z b w N T n L X > < a : K e y > < K e y > A c t i o n s \ D e l e t e < / K e y > < / a : K e y > < a : V a l u e   i : t y p e = " M e a s u r e G r i d V i e w S t a t e I D i a g r a m A c t i o n " / > < / a : K e y V a l u e O f D i a g r a m O b j e c t K e y a n y T y p e z b w N T n L X > < a : K e y V a l u e O f D i a g r a m O b j e c t K e y a n y T y p e z b w N T n L X > < a : K e y > < K e y > A c t i o n s \ C o n v e r t   t o   K P I < / K e y > < / a : K e y > < a : V a l u e   i : t y p e = " M e a s u r e G r i d V i e w S t a t e I D i a g r a m A c t i o n " / > < / a : K e y V a l u e O f D i a g r a m O b j e c t K e y a n y T y p e z b w N T n L X > < a : K e y V a l u e O f D i a g r a m O b j e c t K e y a n y T y p e z b w N T n L X > < a : K e y > < K e y > A c t i o n s \ E d i t   K P I < / K e y > < / a : K e y > < a : V a l u e   i : t y p e = " M e a s u r e G r i d V i e w S t a t e I D i a g r a m A c t i o n " / > < / a : K e y V a l u e O f D i a g r a m O b j e c t K e y a n y T y p e z b w N T n L X > < a : K e y V a l u e O f D i a g r a m O b j e c t K e y a n y T y p e z b w N T n L X > < a : K e y > < K e y > A c t i o n s \ R e m o v e   K P I < / K e y > < / a : K e y > < a : V a l u e   i : t y p e = " M e a s u r e G r i d V i e w S t a t e I D i a g r a m A c t i o n " / > < / a : K e y V a l u e O f D i a g r a m O b j e c t K e y a n y T y p e z b w N T n L X > < a : K e y V a l u e O f D i a g r a m O b j e c t K e y a n y T y p e z b w N T n L X > < a : K e y > < K e y > A c t i o n s \ C o p y   M e a s u r e < / K e y > < / a : K e y > < a : V a l u e   i : t y p e = " M e a s u r e G r i d V i e w S t a t e I D i a g r a m A c t i o n " / > < / a : K e y V a l u e O f D i a g r a m O b j e c t K e y a n y T y p e z b w N T n L X > < a : K e y V a l u e O f D i a g r a m O b j e c t K e y a n y T y p e z b w N T n L X > < a : K e y > < K e y > A c t i o n s \ A u t o M e a s u r e _ S u m < / K e y > < / a : K e y > < a : V a l u e   i : t y p e = " M e a s u r e G r i d V i e w S t a t e I D i a g r a m A c t i o n " / > < / a : K e y V a l u e O f D i a g r a m O b j e c t K e y a n y T y p e z b w N T n L X > < a : K e y V a l u e O f D i a g r a m O b j e c t K e y a n y T y p e z b w N T n L X > < a : K e y > < K e y > A c t i o n s \ A u t o M e a s u r e _ C o u n t < / K e y > < / a : K e y > < a : V a l u e   i : t y p e = " M e a s u r e G r i d V i e w S t a t e I D i a g r a m A c t i o n " / > < / a : K e y V a l u e O f D i a g r a m O b j e c t K e y a n y T y p e z b w N T n L X > < a : K e y V a l u e O f D i a g r a m O b j e c t K e y a n y T y p e z b w N T n L X > < a : K e y > < K e y > A c t i o n s \ A u t o M e a s u r e _ A v e r a g e < / K e y > < / a : K e y > < a : V a l u e   i : t y p e = " M e a s u r e G r i d V i e w S t a t e I D i a g r a m A c t i o n " / > < / a : K e y V a l u e O f D i a g r a m O b j e c t K e y a n y T y p e z b w N T n L X > < a : K e y V a l u e O f D i a g r a m O b j e c t K e y a n y T y p e z b w N T n L X > < a : K e y > < K e y > A c t i o n s \ A u t o M e a s u r e _ M a x < / K e y > < / a : K e y > < a : V a l u e   i : t y p e = " M e a s u r e G r i d V i e w S t a t e I D i a g r a m A c t i o n " / > < / a : K e y V a l u e O f D i a g r a m O b j e c t K e y a n y T y p e z b w N T n L X > < a : K e y V a l u e O f D i a g r a m O b j e c t K e y a n y T y p e z b w N T n L X > < a : K e y > < K e y > A c t i o n s \ A u t o M e a s u r e _ M i n < / K e y > < / a : K e y > < a : V a l u e   i : t y p e = " M e a s u r e G r i d V i e w S t a t e I D i a g r a m A c t i o n " / > < / a : K e y V a l u e O f D i a g r a m O b j e c t K e y a n y T y p e z b w N T n L X > < a : K e y V a l u e O f D i a g r a m O b j e c t K e y a n y T y p e z b w N T n L X > < a : K e y > < K e y > A c t i o n s \ A u t o M e a s u r e _ S t d D e v < / K e y > < / a : K e y > < a : V a l u e   i : t y p e = " M e a s u r e G r i d V i e w S t a t e I D i a g r a m A c t i o n " / > < / a : K e y V a l u e O f D i a g r a m O b j e c t K e y a n y T y p e z b w N T n L X > < a : K e y V a l u e O f D i a g r a m O b j e c t K e y a n y T y p e z b w N T n L X > < a : K e y > < K e y > A c t i o n s \ A u t o M e a s u r e _ S t d D e v p < / K e y > < / a : K e y > < a : V a l u e   i : t y p e = " M e a s u r e G r i d V i e w S t a t e I D i a g r a m A c t i o n " / > < / a : K e y V a l u e O f D i a g r a m O b j e c t K e y a n y T y p e z b w N T n L X > < a : K e y V a l u e O f D i a g r a m O b j e c t K e y a n y T y p e z b w N T n L X > < a : K e y > < K e y > A c t i o n s \ A u t o M e a s u r e _ V a r < / K e y > < / a : K e y > < a : V a l u e   i : t y p e = " M e a s u r e G r i d V i e w S t a t e I D i a g r a m A c t i o n " / > < / a : K e y V a l u e O f D i a g r a m O b j e c t K e y a n y T y p e z b w N T n L X > < a : K e y V a l u e O f D i a g r a m O b j e c t K e y a n y T y p e z b w N T n L X > < a : K e y > < K e y > A c t i o n s \ A u t o M e a s u r e _ V a r p < / K e y > < / a : K e y > < a : V a l u e   i : t y p e = " M e a s u r e G r i d V i e w S t a t e I D i a g r a m A c t i o n " / > < / a : K e y V a l u e O f D i a g r a m O b j e c t K e y a n y T y p e z b w N T n L X > < a : K e y V a l u e O f D i a g r a m O b j e c t K e y a n y T y p e z b w N T n L X > < a : K e y > < K e y > A c t i o n s \ A u t o M e a s u r e _ D i s t i n c t C o u n t < / K e y > < / a : K e y > < a : V a l u e   i : t y p e = " M e a s u r e G r i d V i e w S t a t e I D i a g r a m A c t i o n " / > < / a : K e y V a l u e O f D i a g r a m O b j e c t K e y a n y T y p e z b w N T n L X > < a : K e y V a l u e O f D i a g r a m O b j e c t K e y a n y T y p e z b w N T n L X > < a : K e y > < K e y > A c t i o n s \ E d i t < / K e y > < / a : K e y > < a : V a l u e   i : t y p e = " M e a s u r e G r i d V i e w S t a t e I D i a g r a m A c t i o n " / > < / a : K e y V a l u e O f D i a g r a m O b j e c t K e y a n y T y p e z b w N T n L X > < a : K e y V a l u e O f D i a g r a m O b j e c t K e y a n y T y p e z b w N T n L X > < a : K e y > < K e y > A c t i o n s \ C r e a t e < / K e y > < / a : K e y > < a : V a l u e   i : t y p e = " M e a s u r e G r i d V i e w S t a t e I D i a g r a m A c t i o n " / > < / a : K e y V a l u e O f D i a g r a m O b j e c t K e y a n y T y p e z b w N T n L X > < a : K e y V a l u e O f D i a g r a m O b j e c t K e y a n y T y p e z b w N T n L X > < a : K e y > < K e y > A c t i o n s \ F o r m a t < / K e y > < / a : K e y > < a : V a l u e   i : t y p e = " M e a s u r e G r i d V i e w S t a t e I D i a g r a m A c t i o n " / > < / a : K e y V a l u e O f D i a g r a m O b j e c t K e y a n y T y p e z b w N T n L X > < a : K e y V a l u e O f D i a g r a m O b j e c t K e y a n y T y p e z b w N T n L X > < a : K e y > < K e y > A c t i o n s \ E d i t   D e s c r i p t i o n < / K e y > < / a : K e y > < a : V a l u e   i : t y p e = " M e a s u r e G r i d V i e w S t a t e I D i a g r a m A c t i o n " / > < / a : K e y V a l u e O f D i a g r a m O b j e c t K e y a n y T y p e z b w N T n L X > < a : K e y V a l u e O f D i a g r a m O b j e c t K e y a n y T y p e z b w N T n L X > < a : K e y > < K e y > A c t i o n s \ H i d e   M e a s u r e s < / K e y > < / a : K e y > < a : V a l u e   i : t y p e = " M e a s u r e G r i d V i e w S t a t e I D i a g r a m A c t i o n " / > < / a : K e y V a l u e O f D i a g r a m O b j e c t K e y a n y T y p e z b w N T n L X > < a : K e y V a l u e O f D i a g r a m O b j e c t K e y a n y T y p e z b w N T n L X > < a : K e y > < K e y > A c t i o n s \ U n h i d e   M e a s u r e s < / K e y > < / a : K e y > < a : V a l u e   i : t y p e = " M e a s u r e G r i d V i e w S t a t e I D i a g r a m A c t i o n " / > < / a : K e y V a l u e O f D i a g r a m O b j e c t K e y a n y T y p e z b w N T n L X > < a : K e y V a l u e O f D i a g r a m O b j e c t K e y a n y T y p e z b w N T n L X > < a : K e y > < K e y > T a g G r o u p s \ T y p e s < / K e y > < / a : K e y > < a : V a l u e   i : t y p e = " M e a s u r e G r i d V i e w S t a t e I D i a g r a m T a g G r o u p " / > < / a : K e y V a l u e O f D i a g r a m O b j e c t K e y a n y T y p e z b w N T n L X > < a : K e y V a l u e O f D i a g r a m O b j e c t K e y a n y T y p e z b w N T n L X > < a : K e y > < K e y > T a g G r o u p s \ L i n k   T y p e s < / K e y > < / a : K e y > < a : V a l u e   i : t y p e = " M e a s u r e G r i d V i e w S t a t e I D i a g r a m T a g G r o u p " / > < / a : K e y V a l u e O f D i a g r a m O b j e c t K e y a n y T y p e z b w N T n L X > < a : K e y V a l u e O f D i a g r a m O b j e c t K e y a n y T y p e z b w N T n L X > < a : K e y > < K e y > T a g G r o u p s \ K P I < / K e y > < / a : K e y > < a : V a l u e   i : t y p e = " M e a s u r e G r i d V i e w S t a t e I D i a g r a m T a g G r o u p " / > < / a : K e y V a l u e O f D i a g r a m O b j e c t K e y a n y T y p e z b w N T n L X > < a : K e y V a l u e O f D i a g r a m O b j e c t K e y a n y T y p e z b w N T n L X > < a : K e y > < K e y > T a g G r o u p s \ E r r o r s < / K e y > < / a : K e y > < a : V a l u e   i : t y p e = " M e a s u r e G r i d V i e w S t a t e I D i a g r a m T a g G r o u p " / > < / a : K e y V a l u e O f D i a g r a m O b j e c t K e y a n y T y p e z b w N T n L X > < a : K e y V a l u e O f D i a g r a m O b j e c t K e y a n y T y p e z b w N T n L X > < a : K e y > < K e y > T a g G r o u p s \ V a l u e s   a n d   F o r m u l a s < / K e y > < / a : K e y > < a : V a l u e   i : t y p e = " M e a s u r e G r i d V i e w S t a t e I D i a g r a m T a g G r o u p " / > < / a : K e y V a l u e O f D i a g r a m O b j e c t K e y a n y T y p e z b w N T n L X > < a : K e y V a l u e O f D i a g r a m O b j e c t K e y a n y T y p e z b w N T n L X > < a : K e y > < K e y > T a g G r o u p s \ S t a t e < / K e y > < / a : K e y > < a : V a l u e   i : t y p e = " M e a s u r e G r i d V i e w S t a t e I D i a g r a m T a g G r o u p " / > < / a : K e y V a l u e O f D i a g r a m O b j e c t K e y a n y T y p e z b w N T n L X > < a : K e y V a l u e O f D i a g r a m O b j e c t K e y a n y T y p e z b w N T n L X > < a : K e y > < K e y > S t a t i c   T a g s \ C o l u m n < / K e y > < / a : K e y > < a : V a l u e   i : t y p e = " M e a s u r e G r i d V i e w S t a t e I D i a g r a m T a g " / > < / a : K e y V a l u e O f D i a g r a m O b j e c t K e y a n y T y p e z b w N T n L X > < a : K e y V a l u e O f D i a g r a m O b j e c t K e y a n y T y p e z b w N T n L X > < a : K e y > < K e y > S t a t i c   T a g s \ M e a s u r e < / K e y > < / a : K e y > < a : V a l u e   i : t y p e = " M e a s u r e G r i d V i e w S t a t e I D i a g r a m T a g " / > < / a : K e y V a l u e O f D i a g r a m O b j e c t K e y a n y T y p e z b w N T n L X > < a : K e y V a l u e O f D i a g r a m O b j e c t K e y a n y T y p e z b w N T n L X > < a : K e y > < K e y > S t a t i c   T a g s \ I m p l i c i t   M e a s u r e   a n d   S o u r c e   C o l u m n   L i n k < / K e y > < / a : K e y > < a : V a l u e   i : t y p e = " M e a s u r e G r i d V i e w S t a t e I D i a g r a m T a g " / > < / a : K e y V a l u e O f D i a g r a m O b j e c t K e y a n y T y p e z b w N T n L X > < a : K e y V a l u e O f D i a g r a m O b j e c t K e y a n y T y p e z b w N T n L X > < a : K e y > < K e y > S t a t i c   T a g s \ K P I < / K e y > < / a : K e y > < a : V a l u e   i : t y p e = " M e a s u r e G r i d V i e w S t a t e I D i a g r a m T a g " / > < / a : K e y V a l u e O f D i a g r a m O b j e c t K e y a n y T y p e z b w N T n L X > < a : K e y V a l u e O f D i a g r a m O b j e c t K e y a n y T y p e z b w N T n L X > < a : K e y > < K e y > S t a t i c   T a g s \ S e m a n t i c   E r r o r < / K e y > < / a : K e y > < a : V a l u e   i : t y p e = " M e a s u r e G r i d V i e w S t a t e I D i a g r a m T a g " / > < / a : K e y V a l u e O f D i a g r a m O b j e c t K e y a n y T y p e z b w N T n L X > < a : K e y V a l u e O f D i a g r a m O b j e c t K e y a n y T y p e z b w N T n L X > < a : K e y > < K e y > S t a t i c   T a g s \ C a l c u l a t i o n   E r r o r < / K e y > < / a : K e y > < a : V a l u e   i : t y p e = " M e a s u r e G r i d V i e w S t a t e I D i a g r a m T a g " / > < / a : K e y V a l u e O f D i a g r a m O b j e c t K e y a n y T y p e z b w N T n L X > < a : K e y V a l u e O f D i a g r a m O b j e c t K e y a n y T y p e z b w N T n L X > < a : K e y > < K e y > S t a t i c   T a g s \ V a l u e < / K e y > < / a : K e y > < a : V a l u e   i : t y p e = " M e a s u r e G r i d V i e w S t a t e I D i a g r a m T a g " / > < / a : K e y V a l u e O f D i a g r a m O b j e c t K e y a n y T y p e z b w N T n L X > < a : K e y V a l u e O f D i a g r a m O b j e c t K e y a n y T y p e z b w N T n L X > < a : K e y > < K e y > S t a t i c   T a g s \ F o r m u l a < / K e y > < / a : K e y > < a : V a l u e   i : t y p e = " M e a s u r e G r i d V i e w S t a t e I D i a g r a m T a g " / > < / a : K e y V a l u e O f D i a g r a m O b j e c t K e y a n y T y p e z b w N T n L X > < a : K e y V a l u e O f D i a g r a m O b j e c t K e y a n y T y p e z b w N T n L X > < a : K e y > < K e y > S t a t i c   T a g s \ E v a l u a t i o n   i n   p r o g r e s s < / K e y > < / a : K e y > < a : V a l u e   i : t y p e = " M e a s u r e G r i d V i e w S t a t e I D i a g r a m T a g " / > < / a : K e y V a l u e O f D i a g r a m O b j e c t K e y a n y T y p e z b w N T n L X > < a : K e y V a l u e O f D i a g r a m O b j e c t K e y a n y T y p e z b w N T n L X > < a : K e y > < K e y > S t a t i c   T a g s \ I s   i m p l i c i t   m e a s u r e < / K e y > < / a : K e y > < a : V a l u e   i : t y p e = " M e a s u r e G r i d V i e w S t a t e I D i a g r a m T a g " / > < / a : K e y V a l u e O f D i a g r a m O b j e c t K e y a n y T y p e z b w N T n L X > < a : K e y V a l u e O f D i a g r a m O b j e c t K e y a n y T y p e z b w N T n L X > < a : K e y > < K e y > S t a t i c   T a g s \ H i d d e n < / K e y > < / a : K e y > < a : V a l u e   i : t y p e = " M e a s u r e G r i d V i e w S t a t e I D i a g r a m T a g " / > < / a : K e y V a l u e O f D i a g r a m O b j e c t K e y a n y T y p e z b w N T n L X > < a : K e y V a l u e O f D i a g r a m O b j e c t K e y a n y T y p e z b w N T n L X > < a : K e y > < K e y > S t a t i c   T a g s \ N o t   i n   p e r s p e c t i v e < / K e y > < / a : K e y > < a : V a l u e   i : t y p e = " M e a s u r e G r i d V i e w S t a t e I D i a g r a m T a g " / > < / a : K e y V a l u e O f D i a g r a m O b j e c t K e y a n y T y p e z b w N T n L X > < a : K e y V a l u e O f D i a g r a m O b j e c t K e y a n y T y p e z b w N T n L X > < a : K e y > < K e y > S t a t i c   T a g s \ I s   r e a d o n l y < / K e y > < / a : K e y > < a : V a l u e   i : t y p e = " M e a s u r e G r i d V i e w S t a t e I D i a g r a m T a g " / > < / a : K e y V a l u e O f D i a g r a m O b j e c t K e y a n y T y p e z b w N T n L X > < a : K e y V a l u e O f D i a g r a m O b j e c t K e y a n y T y p e z b w N T n L X > < a : K e y > < K e y > C o l u m n s \ C o m m e n t   I D < / K e y > < / a : K e y > < a : V a l u e   i : t y p e = " M e a s u r e G r i d N o d e V i e w S t a t e " > < L a y e d O u t > t r u e < / L a y e d O u t > < / a : V a l u e > < / a : K e y V a l u e O f D i a g r a m O b j e c t K e y a n y T y p e z b w N T n L X > < a : K e y V a l u e O f D i a g r a m O b j e c t K e y a n y T y p e z b w N T n L X > < a : K e y > < K e y > C o l u m n s \ C o m m e n t < / K e y > < / a : K e y > < a : V a l u e   i : t y p e = " M e a s u r e G r i d N o d e V i e w S t a t e " > < C o l u m n > 1 < / C o l u m n > < L a y e d O u t > t r u e < / L a y e d O u t > < / a : V a l u e > < / a : K e y V a l u e O f D i a g r a m O b j e c t K e y a n y T y p e z b w N T n L X > < a : K e y V a l u e O f D i a g r a m O b j e c t K e y a n y T y p e z b w N T n L X > < a : K e y > < K e y > C o l u m n s \ R e l e v a n c e < / K e y > < / a : K e y > < a : V a l u e   i : t y p e = " M e a s u r e G r i d N o d e V i e w S t a t e " > < C o l u m n > 2 < / C o l u m n > < L a y e d O u t > t r u e < / L a y e d O u t > < / a : V a l u e > < / a : K e y V a l u e O f D i a g r a m O b j e c t K e y a n y T y p e z b w N T n L X > < a : K e y V a l u e O f D i a g r a m O b j e c t K e y a n y T y p e z b w N T n L X > < a : K e y > < K e y > C o l u m n s \ O p e n i n g   S t a t u s < / K e y > < / a : K e y > < a : V a l u e   i : t y p e = " M e a s u r e G r i d N o d e V i e w S t a t e " > < C o l u m n > 3 < / C o l u m n > < L a y e d O u t > t r u e < / L a y e d O u t > < / a : V a l u e > < / a : K e y V a l u e O f D i a g r a m O b j e c t K e y a n y T y p e z b w N T n L X > < a : K e y V a l u e O f D i a g r a m O b j e c t K e y a n y T y p e z b w N T n L X > < a : K e y > < K e y > C o l u m n s \ D a t e < / K e y > < / a : K e y > < a : V a l u e   i : t y p e = " M e a s u r e G r i d N o d e V i e w S t a t e " > < C o l u m n > 4 < / C o l u m n > < L a y e d O u t > t r u e < / L a y e d O u t > < / a : V a l u e > < / a : K e y V a l u e O f D i a g r a m O b j e c t K e y a n y T y p e z b w N T n L X > < a : K e y V a l u e O f D i a g r a m O b j e c t K e y a n y T y p e z b w N T n L X > < a : K e y > < K e y > C o l u m n s \ L a t e s t   S t a t u s < / K e y > < / a : K e y > < a : V a l u e   i : t y p e = " M e a s u r e G r i d N o d e V i e w S t a t e " > < C o l u m n > 5 < / C o l u m n > < L a y e d O u t > t r u e < / L a y e d O u t > < / a : V a l u e > < / a : K e y V a l u e O f D i a g r a m O b j e c t K e y a n y T y p e z b w N T n L X > < a : K e y V a l u e O f D i a g r a m O b j e c t K e y a n y T y p e z b w N T n L X > < a : K e y > < K e y > C o l u m n s \ L a t e s t   d a t e < / K e y > < / a : K e y > < a : V a l u e   i : t y p e = " M e a s u r e G r i d N o d e V i e w S t a t e " > < C o l u m n > 6 < / C o l u m n > < L a y e d O u t > t r u e < / L a y e d O u t > < / a : V a l u e > < / a : K e y V a l u e O f D i a g r a m O b j e c t K e y a n y T y p e z b w N T n L X > < / V i e w S t a t e s > < / D i a g r a m M a n a g e r . S e r i a l i z a b l e D i a g r a m > < / A r r a y O f D i a g r a m M a n a g e r . S e r i a l i z a b l e D i a g r a m > ] ] > < / C u s t o m C o n t e n t > < / G e m i n i > 
</file>

<file path=customXml/item17.xml>��< ? x m l   v e r s i o n = " 1 . 0 "   e n c o d i n g = " U T F - 1 6 " ? > < G e m i n i   x m l n s = " h t t p : / / g e m i n i / p i v o t c u s t o m i z a t i o n / F o r m u l a B a r S t a t e " > < C u s t o m C o n t e n t > < ! [ C D A T A [ < S a n d b o x E d i t o r . F o r m u l a B a r S t a t e   x m l n s = " h t t p : / / s c h e m a s . d a t a c o n t r a c t . o r g / 2 0 0 4 / 0 7 / M i c r o s o f t . A n a l y s i s S e r v i c e s . C o m m o n "   x m l n s : i = " h t t p : / / w w w . w 3 . o r g / 2 0 0 1 / X M L S c h e m a - i n s t a n c e " > < H e i g h t > 3 8 < / H e i g h t > < / S a n d b o x E d i t o r . F o r m u l a B a r S t a t e > ] ] > < / C u s t o m C o n t e n t > < / G e m i n i > 
</file>

<file path=customXml/item18.xml>��< ? x m l   v e r s i o n = " 1 . 0 "   e n c o d i n g = " U T F - 1 6 " ? > < G e m i n i   x m l n s = " h t t p : / / g e m i n i / p i v o t c u s t o m i z a t i o n / I s S a n d b o x E m b e d d e d " > < C u s t o m C o n t e n t > < ! [ C D A T A [ y e s ] ] > < / C u s t o m C o n t e n t > < / G e m i n i > 
</file>

<file path=customXml/item19.xml>��< ? x m l   v e r s i o n = " 1 . 0 "   e n c o d i n g = " U T F - 1 6 " ? > < G e m i n i   x m l n s = " h t t p : / / g e m i n i / p i v o t c u s t o m i z a t i o n / T a b l e O r d e r " > < C u s t o m C o n t e n t > < ! [ C D A T A [ T b l _ C o m m e n t s , T b l _ D i a l o g u e ] ] > < / C u s t o m C o n t e n t > < / G e m i n i > 
</file>

<file path=customXml/item2.xml>��< ? x m l   v e r s i o n = " 1 . 0 "   e n c o d i n g = " U T F - 1 6 " ? > < G e m i n i   x m l n s = " h t t p : / / g e m i n i / p i v o t c u s t o m i z a t i o n / M a n u a l C a l c M o d e " > < C u s t o m C o n t e n t > < ! [ C D A T A [ F a l s e ] ] > < / C u s t o m C o n t e n t > < / G e m i n i > 
</file>

<file path=customXml/item20.xml>��< ? x m l   v e r s i o n = " 1 . 0 "   e n c o d i n g = " U T F - 1 6 " ? > < G e m i n i   x m l n s = " h t t p : / / g e m i n i / p i v o t c u s t o m i z a t i o n / M e a s u r e G r i d S t a t e " > < C u s t o m C o n t e n t > < ! [ C D A T A [ < A r r a y O f K e y V a l u e O f s t r i n g S a n d b o x E d i t o r . M e a s u r e G r i d S t a t e S c d E 3 5 R y   x m l n s = " h t t p : / / s c h e m a s . m i c r o s o f t . c o m / 2 0 0 3 / 1 0 / S e r i a l i z a t i o n / A r r a y s "   x m l n s : i = " h t t p : / / w w w . w 3 . o r g / 2 0 0 1 / X M L S c h e m a - i n s t a n c e " > < K e y V a l u e O f s t r i n g S a n d b o x E d i t o r . M e a s u r e G r i d S t a t e S c d E 3 5 R y > < K e y > T b l _ C o m m e n t s < / K e y > < V a l u e   x m l n s : a = " h t t p : / / s c h e m a s . d a t a c o n t r a c t . o r g / 2 0 0 4 / 0 7 / M i c r o s o f t . A n a l y s i s S e r v i c e s . C o m m o n " > < a : H a s F o c u s > t r u e < / a : H a s F o c u s > < a : S i z e A t D p i 9 6 > 1 7 8 < / a : S i z e A t D p i 9 6 > < a : V i s i b l e > t r u e < / a : V i s i b l e > < / V a l u e > < / K e y V a l u e O f s t r i n g S a n d b o x E d i t o r . M e a s u r e G r i d S t a t e S c d E 3 5 R y > < K e y V a l u e O f s t r i n g S a n d b o x E d i t o r . M e a s u r e G r i d S t a t e S c d E 3 5 R y > < K e y > T b l _ D i a l o g u e < / K e y > < V a l u e   x m l n s : a = " h t t p : / / s c h e m a s . d a t a c o n t r a c t . o r g / 2 0 0 4 / 0 7 / M i c r o s o f t . A n a l y s i s S e r v i c e s . C o m m o n " > < a : H a s F o c u s > f a l s e < / a : H a s F o c u s > < a : S i z e A t D p i 9 6 > 1 7 8 < / a : S i z e A t D p i 9 6 > < a : V i s i b l e > t r u e < / a : V i s i b l e > < / V a l u e > < / K e y V a l u e O f s t r i n g S a n d b o x E d i t o r . M e a s u r e G r i d S t a t e S c d E 3 5 R y > < / A r r a y O f K e y V a l u e O f s t r i n g S a n d b o x E d i t o r . M e a s u r e G r i d S t a t e S c d E 3 5 R y > ] ] > < / C u s t o m C o n t e n t > < / G e m i n i > 
</file>

<file path=customXml/item21.xml>��< ? x m l   v e r s i o n = " 1 . 0 "   e n c o d i n g = " U T F - 1 6 " ? > < G e m i n i   x m l n s = " h t t p : / / g e m i n i / p i v o t c u s t o m i z a t i o n / T a b l e W i d g e t " > < C u s t o m C o n t e n t > < ! [ C D A T A [ < A r r a y O f D i a g r a m M a n a g e r . S e r i a l i z a b l e D i a g r a m   x m l n s = " h t t p : / / s c h e m a s . d a t a c o n t r a c t . o r g / 2 0 0 4 / 0 7 / M i c r o s o f t . A n a l y s i s S e r v i c e s . C o m m o n "   x m l n s : i = " h t t p : / / w w w . w 3 . o r g / 2 0 0 1 / X M L S c h e m a - i n s t a n c e " > < D i a g r a m M a n a g e r . S e r i a l i z a b l e D i a g r a m > < A d a p t e r   i : t y p e = " T a b l e W i d g e t V i e w M o d e l S a n d b o x A d a p t e r " > < T a b l e N a m e > T b l _ D i a l o g u e < / T a b l e N a m e > < / A d a p t e r > < D i a g r a m T y p e > T a b l e W i d g e t V i e w M o d e l < / D i a g r a m T y p e > < D i s p l a y C o n t e x t   i : t y p e = " T a b l e W i d g e t D i s p l a y C o n t e x t " > < I s F i l t e r e d T a g K e y > < K e y > S t a t i c   T a g s \ H a s   F i l t e r < / K e y > < / I s F i l t e r e d T a g K e y > < I s I n T y p e B o o l e a n K e y > < K e y > S t a t i c   T a g s \ I s   B o o l e a n < / K e y > < / I s I n T y p e B o o l e a n K e y > < I s I n T y p e N u m b e r K e y > < K e y > S t a t i c   T a g s \ I s   N u m b e r < / K e y > < / I s I n T y p e N u m b e r K e y > < I s I n T y p e T e x t K e y > < K e y > S t a t i c   T a g s \ I s   T e x t < / K e y > < / I s I n T y p e T e x t K e y > < I s I n T y p e T i m e K e y > < K e y > S t a t i c   T a g s \ I s   T i m e < / K e y > < / I s I n T y p e T i m e K e y > < I s S o r t A s c e n d i n g T a g K e y > < K e y > S t a t i c   T a g s \ I s   S o r t e d   A s c e n d i n g < / K e y > < / I s S o r t A s c e n d i n g T a g K e y > < I s S o r t D e s c e n d i n g T a g K e y > < K e y > S t a t i c   T a g s \ I s   S o r t e d   D e s c e n d i n g < / K e y > < / I s S o r t D e s c e n d i n g T a g K e y > < I s S o r t a b l e T a g K e y > < K e y > S t a t i c   T a g s \ c a n   b e   s o r t e d < / K e y > < / I s S o r t a b l e T a g K e y > < / D i s p l a y C o n t e x t > < D i s p l a y T y p e > T a b l e W i d g e t P a n e l < / D i s p l a y T y p e > < K e y   i : t y p e = " S a n d b o x E d i t o r T a b l e W i d g e t V i e w M o d e l K e y " > < T a b l e N a m e > T b l _ D i a l o g u e < / T a b l e N a m e > < / K e y > < M a i n t a i n e r   i : t y p e = " T a b l e W i d g e t V i e w M o d e l . T a b l e W i d g e t V i e w M o d e l M a i n t a i n e r " / > < V i e w S t a t e F a c t o r y T y p e > M i c r o s o f t . A n a l y s i s S e r v i c e s . C o m m o n . T a b l e W i d g e t V i e w S t a t e F a c t o r y < / V i e w S t a t e F a c t o r y T y p e > < V i e w S t a t e s   x m l n s : a = " h t t p : / / s c h e m a s . m i c r o s o f t . c o m / 2 0 0 3 / 1 0 / S e r i a l i z a t i o n / A r r a y s " > < a : K e y V a l u e O f D i a g r a m O b j e c t K e y a n y T y p e z b w N T n L X > < a : K e y > < K e y > T a b l e W i d g e t G r i d   M o d e l < / K e y > < / a : K e y > < a : V a l u e   i : t y p e = " T a b l e W i d g e t B a s e V i e w S t a t e " / > < / a : K e y V a l u e O f D i a g r a m O b j e c t K e y a n y T y p e z b w N T n L X > < a : K e y V a l u e O f D i a g r a m O b j e c t K e y a n y T y p e z b w N T n L X > < a : K e y > < K e y > A c t i o n s \ S o r t   A s c e n d i n g < / K e y > < / a : K e y > < a : V a l u e   i : t y p e = " T a b l e W i d g e t B a s e V i e w S t a t e " / > < / a : K e y V a l u e O f D i a g r a m O b j e c t K e y a n y T y p e z b w N T n L X > < a : K e y V a l u e O f D i a g r a m O b j e c t K e y a n y T y p e z b w N T n L X > < a : K e y > < K e y > A c t i o n s \ S o r t   D e s c e n d i n g < / K e y > < / a : K e y > < a : V a l u e   i : t y p e = " T a b l e W i d g e t B a s e V i e w S t a t e " / > < / a : K e y V a l u e O f D i a g r a m O b j e c t K e y a n y T y p e z b w N T n L X > < a : K e y V a l u e O f D i a g r a m O b j e c t K e y a n y T y p e z b w N T n L X > < a : K e y > < K e y > A c t i o n s \ C l e a r   S o r t   f r o m   t h i s   C o l u m n < / K e y > < / a : K e y > < a : V a l u e   i : t y p e = " T a b l e W i d g e t B a s e V i e w S t a t e " / > < / a : K e y V a l u e O f D i a g r a m O b j e c t K e y a n y T y p e z b w N T n L X > < a : K e y V a l u e O f D i a g r a m O b j e c t K e y a n y T y p e z b w N T n L X > < a : K e y > < K e y > A c t i o n s \ C l e a r   S o r t   f r o m   t h i s   T a b l e < / K e y > < / a : K e y > < a : V a l u e   i : t y p e = " T a b l e W i d g e t B a s e V i e w S t a t e " / > < / a : K e y V a l u e O f D i a g r a m O b j e c t K e y a n y T y p e z b w N T n L X > < a : K e y V a l u e O f D i a g r a m O b j e c t K e y a n y T y p e z b w N T n L X > < a : K e y > < K e y > A c t i o n s \ L o a d   T o p   N   D i s t i n c t   V a l u e s < / K e y > < / a : K e y > < a : V a l u e   i : t y p e = " T a b l e W i d g e t B a s e V i e w S t a t e " / > < / a : K e y V a l u e O f D i a g r a m O b j e c t K e y a n y T y p e z b w N T n L X > < a : K e y V a l u e O f D i a g r a m O b j e c t K e y a n y T y p e z b w N T n L X > < a : K e y > < K e y > T a g G r o u p s \ N o d e   T y p e s < / K e y > < / a : K e y > < a : V a l u e   i : t y p e = " T a b l e W i d g e t B a s e V i e w S t a t e " / > < / a : K e y V a l u e O f D i a g r a m O b j e c t K e y a n y T y p e z b w N T n L X > < a : K e y V a l u e O f D i a g r a m O b j e c t K e y a n y T y p e z b w N T n L X > < a : K e y > < K e y > T a g G r o u p s \ D a t a   T y p e < / K e y > < / a : K e y > < a : V a l u e   i : t y p e = " T a b l e W i d g e t B a s e V i e w S t a t e " / > < / a : K e y V a l u e O f D i a g r a m O b j e c t K e y a n y T y p e z b w N T n L X > < a : K e y V a l u e O f D i a g r a m O b j e c t K e y a n y T y p e z b w N T n L X > < a : K e y > < K e y > T a g G r o u p s \ S t a t e < / K e y > < / a : K e y > < a : V a l u e   i : t y p e = " T a b l e W i d g e t B a s e V i e w S t a t e " / > < / a : K e y V a l u e O f D i a g r a m O b j e c t K e y a n y T y p e z b w N T n L X > < a : K e y V a l u e O f D i a g r a m O b j e c t K e y a n y T y p e z b w N T n L X > < a : K e y > < K e y > S t a t i c   T a g s \ C o l u m n < / K e y > < / a : K e y > < a : V a l u e   i : t y p e = " T a b l e W i d g e t B a s e V i e w S t a t e " / > < / a : K e y V a l u e O f D i a g r a m O b j e c t K e y a n y T y p e z b w N T n L X > < a : K e y V a l u e O f D i a g r a m O b j e c t K e y a n y T y p e z b w N T n L X > < a : K e y > < K e y > S t a t i c   T a g s \ I s   B o o l e a n < / K e y > < / a : K e y > < a : V a l u e   i : t y p e = " T a b l e W i d g e t B a s e V i e w S t a t e " / > < / a : K e y V a l u e O f D i a g r a m O b j e c t K e y a n y T y p e z b w N T n L X > < a : K e y V a l u e O f D i a g r a m O b j e c t K e y a n y T y p e z b w N T n L X > < a : K e y > < K e y > S t a t i c   T a g s \ I s   N u m b e r < / K e y > < / a : K e y > < a : V a l u e   i : t y p e = " T a b l e W i d g e t B a s e V i e w S t a t e " / > < / a : K e y V a l u e O f D i a g r a m O b j e c t K e y a n y T y p e z b w N T n L X > < a : K e y V a l u e O f D i a g r a m O b j e c t K e y a n y T y p e z b w N T n L X > < a : K e y > < K e y > S t a t i c   T a g s \ I s   T e x t < / K e y > < / a : K e y > < a : V a l u e   i : t y p e = " T a b l e W i d g e t B a s e V i e w S t a t e " / > < / a : K e y V a l u e O f D i a g r a m O b j e c t K e y a n y T y p e z b w N T n L X > < a : K e y V a l u e O f D i a g r a m O b j e c t K e y a n y T y p e z b w N T n L X > < a : K e y > < K e y > S t a t i c   T a g s \ I s   T i m e < / K e y > < / a : K e y > < a : V a l u e   i : t y p e = " T a b l e W i d g e t B a s e V i e w S t a t e " / > < / a : K e y V a l u e O f D i a g r a m O b j e c t K e y a n y T y p e z b w N T n L X > < a : K e y V a l u e O f D i a g r a m O b j e c t K e y a n y T y p e z b w N T n L X > < a : K e y > < K e y > S t a t i c   T a g s \ c a n   b e   s o r t e d < / K e y > < / a : K e y > < a : V a l u e   i : t y p e = " T a b l e W i d g e t B a s e V i e w S t a t e " / > < / a : K e y V a l u e O f D i a g r a m O b j e c t K e y a n y T y p e z b w N T n L X > < a : K e y V a l u e O f D i a g r a m O b j e c t K e y a n y T y p e z b w N T n L X > < a : K e y > < K e y > S t a t i c   T a g s \ I s   S o r t e d   A s c e n d i n g < / K e y > < / a : K e y > < a : V a l u e   i : t y p e = " T a b l e W i d g e t B a s e V i e w S t a t e " / > < / a : K e y V a l u e O f D i a g r a m O b j e c t K e y a n y T y p e z b w N T n L X > < a : K e y V a l u e O f D i a g r a m O b j e c t K e y a n y T y p e z b w N T n L X > < a : K e y > < K e y > S t a t i c   T a g s \ I s   S o r t e d   D e s c e n d i n g < / K e y > < / a : K e y > < a : V a l u e   i : t y p e = " T a b l e W i d g e t B a s e V i e w S t a t e " / > < / a : K e y V a l u e O f D i a g r a m O b j e c t K e y a n y T y p e z b w N T n L X > < a : K e y V a l u e O f D i a g r a m O b j e c t K e y a n y T y p e z b w N T n L X > < a : K e y > < K e y > S t a t i c   T a g s \ H a s   F i l t e r < / K e y > < / a : K e y > < a : V a l u e   i : t y p e = " T a b l e W i d g e t B a s e V i e w S t a t e " / > < / a : K e y V a l u e O f D i a g r a m O b j e c t K e y a n y T y p e z b w N T n L X > < a : K e y V a l u e O f D i a g r a m O b j e c t K e y a n y T y p e z b w N T n L X > < a : K e y > < K e y > S t a t i c   T a g s \     < / K e y > < / a : K e y > < a : V a l u e   i : t y p e = " T a b l e W i d g e t B a s e V i e w S t a t e " / > < / a : K e y V a l u e O f D i a g r a m O b j e c t K e y a n y T y p e z b w N T n L X > < a : K e y V a l u e O f D i a g r a m O b j e c t K e y a n y T y p e z b w N T n L X > < a : K e y > < K e y > S t a t i c   T a g s \ I s   P r i v a t e < / K e y > < / a : K e y > < a : V a l u e   i : t y p e = " T a b l e W i d g e t B a s e V i e w S t a t e " / > < / a : K e y V a l u e O f D i a g r a m O b j e c t K e y a n y T y p e z b w N T n L X > < a : K e y V a l u e O f D i a g r a m O b j e c t K e y a n y T y p e z b w N T n L X > < a : K e y > < K e y > C o l u m n s \ C o m m e n t   I D < / K e y > < / a : K e y > < a : V a l u e   i : t y p e = " T a b l e W i d g e t B a s e V i e w S t a t e " / > < / a : K e y V a l u e O f D i a g r a m O b j e c t K e y a n y T y p e z b w N T n L X > < a : K e y V a l u e O f D i a g r a m O b j e c t K e y a n y T y p e z b w N T n L X > < a : K e y > < K e y > C o l u m n s \ C o m m e n t < / K e y > < / a : K e y > < a : V a l u e   i : t y p e = " T a b l e W i d g e t B a s e V i e w S t a t e " / > < / a : K e y V a l u e O f D i a g r a m O b j e c t K e y a n y T y p e z b w N T n L X > < a : K e y V a l u e O f D i a g r a m O b j e c t K e y a n y T y p e z b w N T n L X > < a : K e y > < K e y > C o l u m n s \ R e s p o n d e r < / K e y > < / a : K e y > < a : V a l u e   i : t y p e = " T a b l e W i d g e t B a s e V i e w S t a t e " / > < / a : K e y V a l u e O f D i a g r a m O b j e c t K e y a n y T y p e z b w N T n L X > < a : K e y V a l u e O f D i a g r a m O b j e c t K e y a n y T y p e z b w N T n L X > < a : K e y > < K e y > C o l u m n s \ R e s p o n s e < / K e y > < / a : K e y > < a : V a l u e   i : t y p e = " T a b l e W i d g e t B a s e V i e w S t a t e " / > < / a : K e y V a l u e O f D i a g r a m O b j e c t K e y a n y T y p e z b w N T n L X > < a : K e y V a l u e O f D i a g r a m O b j e c t K e y a n y T y p e z b w N T n L X > < a : K e y > < K e y > C o l u m n s \ D a t e < / K e y > < / a : K e y > < a : V a l u e   i : t y p e = " T a b l e W i d g e t B a s e V i e w S t a t e " / > < / a : K e y V a l u e O f D i a g r a m O b j e c t K e y a n y T y p e z b w N T n L X > < a : K e y V a l u e O f D i a g r a m O b j e c t K e y a n y T y p e z b w N T n L X > < a : K e y > < K e y > C o l u m n s \ S t a t u s < / K e y > < / a : K e y > < a : V a l u e   i : t y p e = " T a b l e W i d g e t B a s e V i e w S t a t e " / > < / a : K e y V a l u e O f D i a g r a m O b j e c t K e y a n y T y p e z b w N T n L X > < a : K e y V a l u e O f D i a g r a m O b j e c t K e y a n y T y p e z b w N T n L X > < a : K e y > < K e y > C o l u m n s \     < / K e y > < / a : K e y > < a : V a l u e   i : t y p e = " T a b l e W i d g e t B a s e V i e w S t a t e " / > < / a : K e y V a l u e O f D i a g r a m O b j e c t K e y a n y T y p e z b w N T n L X > < / V i e w S t a t e s > < / D i a g r a m M a n a g e r . S e r i a l i z a b l e D i a g r a m > < D i a g r a m M a n a g e r . S e r i a l i z a b l e D i a g r a m > < A d a p t e r   i : t y p e = " T a b l e W i d g e t V i e w M o d e l S a n d b o x A d a p t e r " > < T a b l e N a m e > T b l _ C o m m e n t s < / T a b l e N a m e > < / A d a p t e r > < D i a g r a m T y p e > T a b l e W i d g e t V i e w M o d e l < / D i a g r a m T y p e > < D i s p l a y C o n t e x t   i : t y p e = " T a b l e W i d g e t D i s p l a y C o n t e x t " > < I s F i l t e r e d T a g K e y > < K e y > S t a t i c   T a g s \ H a s   F i l t e r < / K e y > < / I s F i l t e r e d T a g K e y > < I s I n T y p e B o o l e a n K e y > < K e y > S t a t i c   T a g s \ I s   B o o l e a n < / K e y > < / I s I n T y p e B o o l e a n K e y > < I s I n T y p e N u m b e r K e y > < K e y > S t a t i c   T a g s \ I s   N u m b e r < / K e y > < / I s I n T y p e N u m b e r K e y > < I s I n T y p e T e x t K e y > < K e y > S t a t i c   T a g s \ I s   T e x t < / K e y > < / I s I n T y p e T e x t K e y > < I s I n T y p e T i m e K e y > < K e y > S t a t i c   T a g s \ I s   T i m e < / K e y > < / I s I n T y p e T i m e K e y > < I s S o r t A s c e n d i n g T a g K e y > < K e y > S t a t i c   T a g s \ I s   S o r t e d   A s c e n d i n g < / K e y > < / I s S o r t A s c e n d i n g T a g K e y > < I s S o r t D e s c e n d i n g T a g K e y > < K e y > S t a t i c   T a g s \ I s   S o r t e d   D e s c e n d i n g < / K e y > < / I s S o r t D e s c e n d i n g T a g K e y > < I s S o r t a b l e T a g K e y > < K e y > S t a t i c   T a g s \ c a n   b e   s o r t e d < / K e y > < / I s S o r t a b l e T a g K e y > < / D i s p l a y C o n t e x t > < D i s p l a y T y p e > T a b l e W i d g e t P a n e l < / D i s p l a y T y p e > < K e y   i : t y p e = " S a n d b o x E d i t o r T a b l e W i d g e t V i e w M o d e l K e y " > < T a b l e N a m e > T b l _ C o m m e n t s < / T a b l e N a m e > < / K e y > < M a i n t a i n e r   i : t y p e = " T a b l e W i d g e t V i e w M o d e l . T a b l e W i d g e t V i e w M o d e l M a i n t a i n e r " / > < V i e w S t a t e F a c t o r y T y p e > M i c r o s o f t . A n a l y s i s S e r v i c e s . C o m m o n . T a b l e W i d g e t V i e w S t a t e F a c t o r y < / V i e w S t a t e F a c t o r y T y p e > < V i e w S t a t e s   x m l n s : a = " h t t p : / / s c h e m a s . m i c r o s o f t . c o m / 2 0 0 3 / 1 0 / S e r i a l i z a t i o n / A r r a y s " > < a : K e y V a l u e O f D i a g r a m O b j e c t K e y a n y T y p e z b w N T n L X > < a : K e y > < K e y > T a b l e W i d g e t G r i d   M o d e l < / K e y > < / a : K e y > < a : V a l u e   i : t y p e = " T a b l e W i d g e t B a s e V i e w S t a t e " / > < / a : K e y V a l u e O f D i a g r a m O b j e c t K e y a n y T y p e z b w N T n L X > < a : K e y V a l u e O f D i a g r a m O b j e c t K e y a n y T y p e z b w N T n L X > < a : K e y > < K e y > A c t i o n s \ S o r t   A s c e n d i n g < / K e y > < / a : K e y > < a : V a l u e   i : t y p e = " T a b l e W i d g e t B a s e V i e w S t a t e " / > < / a : K e y V a l u e O f D i a g r a m O b j e c t K e y a n y T y p e z b w N T n L X > < a : K e y V a l u e O f D i a g r a m O b j e c t K e y a n y T y p e z b w N T n L X > < a : K e y > < K e y > A c t i o n s \ S o r t   D e s c e n d i n g < / K e y > < / a : K e y > < a : V a l u e   i : t y p e = " T a b l e W i d g e t B a s e V i e w S t a t e " / > < / a : K e y V a l u e O f D i a g r a m O b j e c t K e y a n y T y p e z b w N T n L X > < a : K e y V a l u e O f D i a g r a m O b j e c t K e y a n y T y p e z b w N T n L X > < a : K e y > < K e y > A c t i o n s \ C l e a r   S o r t   f r o m   t h i s   C o l u m n < / K e y > < / a : K e y > < a : V a l u e   i : t y p e = " T a b l e W i d g e t B a s e V i e w S t a t e " / > < / a : K e y V a l u e O f D i a g r a m O b j e c t K e y a n y T y p e z b w N T n L X > < a : K e y V a l u e O f D i a g r a m O b j e c t K e y a n y T y p e z b w N T n L X > < a : K e y > < K e y > A c t i o n s \ C l e a r   S o r t   f r o m   t h i s   T a b l e < / K e y > < / a : K e y > < a : V a l u e   i : t y p e = " T a b l e W i d g e t B a s e V i e w S t a t e " / > < / a : K e y V a l u e O f D i a g r a m O b j e c t K e y a n y T y p e z b w N T n L X > < a : K e y V a l u e O f D i a g r a m O b j e c t K e y a n y T y p e z b w N T n L X > < a : K e y > < K e y > A c t i o n s \ L o a d   T o p   N   D i s t i n c t   V a l u e s < / K e y > < / a : K e y > < a : V a l u e   i : t y p e = " T a b l e W i d g e t B a s e V i e w S t a t e " / > < / a : K e y V a l u e O f D i a g r a m O b j e c t K e y a n y T y p e z b w N T n L X > < a : K e y V a l u e O f D i a g r a m O b j e c t K e y a n y T y p e z b w N T n L X > < a : K e y > < K e y > T a g G r o u p s \ N o d e   T y p e s < / K e y > < / a : K e y > < a : V a l u e   i : t y p e = " T a b l e W i d g e t B a s e V i e w S t a t e " / > < / a : K e y V a l u e O f D i a g r a m O b j e c t K e y a n y T y p e z b w N T n L X > < a : K e y V a l u e O f D i a g r a m O b j e c t K e y a n y T y p e z b w N T n L X > < a : K e y > < K e y > T a g G r o u p s \ D a t a   T y p e < / K e y > < / a : K e y > < a : V a l u e   i : t y p e = " T a b l e W i d g e t B a s e V i e w S t a t e " / > < / a : K e y V a l u e O f D i a g r a m O b j e c t K e y a n y T y p e z b w N T n L X > < a : K e y V a l u e O f D i a g r a m O b j e c t K e y a n y T y p e z b w N T n L X > < a : K e y > < K e y > T a g G r o u p s \ S t a t e < / K e y > < / a : K e y > < a : V a l u e   i : t y p e = " T a b l e W i d g e t B a s e V i e w S t a t e " / > < / a : K e y V a l u e O f D i a g r a m O b j e c t K e y a n y T y p e z b w N T n L X > < a : K e y V a l u e O f D i a g r a m O b j e c t K e y a n y T y p e z b w N T n L X > < a : K e y > < K e y > S t a t i c   T a g s \ C o l u m n < / K e y > < / a : K e y > < a : V a l u e   i : t y p e = " T a b l e W i d g e t B a s e V i e w S t a t e " / > < / a : K e y V a l u e O f D i a g r a m O b j e c t K e y a n y T y p e z b w N T n L X > < a : K e y V a l u e O f D i a g r a m O b j e c t K e y a n y T y p e z b w N T n L X > < a : K e y > < K e y > S t a t i c   T a g s \ I s   B o o l e a n < / K e y > < / a : K e y > < a : V a l u e   i : t y p e = " T a b l e W i d g e t B a s e V i e w S t a t e " / > < / a : K e y V a l u e O f D i a g r a m O b j e c t K e y a n y T y p e z b w N T n L X > < a : K e y V a l u e O f D i a g r a m O b j e c t K e y a n y T y p e z b w N T n L X > < a : K e y > < K e y > S t a t i c   T a g s \ I s   N u m b e r < / K e y > < / a : K e y > < a : V a l u e   i : t y p e = " T a b l e W i d g e t B a s e V i e w S t a t e " / > < / a : K e y V a l u e O f D i a g r a m O b j e c t K e y a n y T y p e z b w N T n L X > < a : K e y V a l u e O f D i a g r a m O b j e c t K e y a n y T y p e z b w N T n L X > < a : K e y > < K e y > S t a t i c   T a g s \ I s   T e x t < / K e y > < / a : K e y > < a : V a l u e   i : t y p e = " T a b l e W i d g e t B a s e V i e w S t a t e " / > < / a : K e y V a l u e O f D i a g r a m O b j e c t K e y a n y T y p e z b w N T n L X > < a : K e y V a l u e O f D i a g r a m O b j e c t K e y a n y T y p e z b w N T n L X > < a : K e y > < K e y > S t a t i c   T a g s \ I s   T i m e < / K e y > < / a : K e y > < a : V a l u e   i : t y p e = " T a b l e W i d g e t B a s e V i e w S t a t e " / > < / a : K e y V a l u e O f D i a g r a m O b j e c t K e y a n y T y p e z b w N T n L X > < a : K e y V a l u e O f D i a g r a m O b j e c t K e y a n y T y p e z b w N T n L X > < a : K e y > < K e y > S t a t i c   T a g s \ c a n   b e   s o r t e d < / K e y > < / a : K e y > < a : V a l u e   i : t y p e = " T a b l e W i d g e t B a s e V i e w S t a t e " / > < / a : K e y V a l u e O f D i a g r a m O b j e c t K e y a n y T y p e z b w N T n L X > < a : K e y V a l u e O f D i a g r a m O b j e c t K e y a n y T y p e z b w N T n L X > < a : K e y > < K e y > S t a t i c   T a g s \ I s   S o r t e d   A s c e n d i n g < / K e y > < / a : K e y > < a : V a l u e   i : t y p e = " T a b l e W i d g e t B a s e V i e w S t a t e " / > < / a : K e y V a l u e O f D i a g r a m O b j e c t K e y a n y T y p e z b w N T n L X > < a : K e y V a l u e O f D i a g r a m O b j e c t K e y a n y T y p e z b w N T n L X > < a : K e y > < K e y > S t a t i c   T a g s \ I s   S o r t e d   D e s c e n d i n g < / K e y > < / a : K e y > < a : V a l u e   i : t y p e = " T a b l e W i d g e t B a s e V i e w S t a t e " / > < / a : K e y V a l u e O f D i a g r a m O b j e c t K e y a n y T y p e z b w N T n L X > < a : K e y V a l u e O f D i a g r a m O b j e c t K e y a n y T y p e z b w N T n L X > < a : K e y > < K e y > S t a t i c   T a g s \ H a s   F i l t e r < / K e y > < / a : K e y > < a : V a l u e   i : t y p e = " T a b l e W i d g e t B a s e V i e w S t a t e " / > < / a : K e y V a l u e O f D i a g r a m O b j e c t K e y a n y T y p e z b w N T n L X > < a : K e y V a l u e O f D i a g r a m O b j e c t K e y a n y T y p e z b w N T n L X > < a : K e y > < K e y > S t a t i c   T a g s \     < / K e y > < / a : K e y > < a : V a l u e   i : t y p e = " T a b l e W i d g e t B a s e V i e w S t a t e " / > < / a : K e y V a l u e O f D i a g r a m O b j e c t K e y a n y T y p e z b w N T n L X > < a : K e y V a l u e O f D i a g r a m O b j e c t K e y a n y T y p e z b w N T n L X > < a : K e y > < K e y > S t a t i c   T a g s \ I s   P r i v a t e < / K e y > < / a : K e y > < a : V a l u e   i : t y p e = " T a b l e W i d g e t B a s e V i e w S t a t e " / > < / a : K e y V a l u e O f D i a g r a m O b j e c t K e y a n y T y p e z b w N T n L X > < a : K e y V a l u e O f D i a g r a m O b j e c t K e y a n y T y p e z b w N T n L X > < a : K e y > < K e y > C o l u m n s \ C o m m e n t   I D < / K e y > < / a : K e y > < a : V a l u e   i : t y p e = " T a b l e W i d g e t B a s e V i e w S t a t e " / > < / a : K e y V a l u e O f D i a g r a m O b j e c t K e y a n y T y p e z b w N T n L X > < a : K e y V a l u e O f D i a g r a m O b j e c t K e y a n y T y p e z b w N T n L X > < a : K e y > < K e y > C o l u m n s \ C o m m e n t < / K e y > < / a : K e y > < a : V a l u e   i : t y p e = " T a b l e W i d g e t B a s e V i e w S t a t e " / > < / a : K e y V a l u e O f D i a g r a m O b j e c t K e y a n y T y p e z b w N T n L X > < a : K e y V a l u e O f D i a g r a m O b j e c t K e y a n y T y p e z b w N T n L X > < a : K e y > < K e y > C o l u m n s \ R e l e v a n c e < / K e y > < / a : K e y > < a : V a l u e   i : t y p e = " T a b l e W i d g e t B a s e V i e w S t a t e " / > < / a : K e y V a l u e O f D i a g r a m O b j e c t K e y a n y T y p e z b w N T n L X > < a : K e y V a l u e O f D i a g r a m O b j e c t K e y a n y T y p e z b w N T n L X > < a : K e y > < K e y > C o l u m n s \ O p e n i n g   S t a t u s < / K e y > < / a : K e y > < a : V a l u e   i : t y p e = " T a b l e W i d g e t B a s e V i e w S t a t e " / > < / a : K e y V a l u e O f D i a g r a m O b j e c t K e y a n y T y p e z b w N T n L X > < a : K e y V a l u e O f D i a g r a m O b j e c t K e y a n y T y p e z b w N T n L X > < a : K e y > < K e y > C o l u m n s \ D a t e < / K e y > < / a : K e y > < a : V a l u e   i : t y p e = " T a b l e W i d g e t B a s e V i e w S t a t e " / > < / a : K e y V a l u e O f D i a g r a m O b j e c t K e y a n y T y p e z b w N T n L X > < a : K e y V a l u e O f D i a g r a m O b j e c t K e y a n y T y p e z b w N T n L X > < a : K e y > < K e y > C o l u m n s \ L a t e s t   S t a t u s < / K e y > < / a : K e y > < a : V a l u e   i : t y p e = " T a b l e W i d g e t B a s e V i e w S t a t e " / > < / a : K e y V a l u e O f D i a g r a m O b j e c t K e y a n y T y p e z b w N T n L X > < a : K e y V a l u e O f D i a g r a m O b j e c t K e y a n y T y p e z b w N T n L X > < a : K e y > < K e y > C o l u m n s \ L a t e s t   d a t e < / K e y > < / a : K e y > < a : V a l u e   i : t y p e = " T a b l e W i d g e t B a s e V i e w S t a t e " / > < / a : K e y V a l u e O f D i a g r a m O b j e c t K e y a n y T y p e z b w N T n L X > < a : K e y V a l u e O f D i a g r a m O b j e c t K e y a n y T y p e z b w N T n L X > < a : K e y > < K e y > C o l u m n s \     < / K e y > < / a : K e y > < a : V a l u e   i : t y p e = " T a b l e W i d g e t B a s e V i e w S t a t e " / > < / a : K e y V a l u e O f D i a g r a m O b j e c t K e y a n y T y p e z b w N T n L X > < / V i e w S t a t e s > < / D i a g r a m M a n a g e r . S e r i a l i z a b l e D i a g r a m > < / A r r a y O f D i a g r a m M a n a g e r . S e r i a l i z a b l e D i a g r a m > ] ] > < / C u s t o m C o n t e n t > < / G e m i n i > 
</file>

<file path=customXml/item22.xml>��< ? x m l   v e r s i o n = " 1 . 0 "   e n c o d i n g = " U T F - 1 6 " ? > < G e m i n i   x m l n s = " h t t p : / / g e m i n i / p i v o t c u s t o m i z a t i o n / S h o w I m p l i c i t M e a s u r e s " > < C u s t o m C o n t e n t > < ! [ C D A T A [ F a l s e ] ] > < / C u s t o m C o n t e n t > < / G e m i n i > 
</file>

<file path=customXml/item23.xml>��< ? x m l   v e r s i o n = " 1 . 0 "   e n c o d i n g = " u t f - 1 6 " ? > < D a t a M a s h u p   x m l n s = " h t t p : / / s c h e m a s . m i c r o s o f t . c o m / D a t a M a s h u p " > A A A A A B Y D A A B Q S w M E F A A C A A g A o 4 w t W j V G M S C m A A A A 9 g A A A B I A H A B D b 2 5 m a W c v U G F j a 2 F n Z S 5 4 b W w g o h g A K K A U A A A A A A A A A A A A A A A A A A A A A A A A A A A A h Y 9 N D o I w G E S v Q r q n P 2 C i k o + S 6 M K N J C Y m x m 1 T K z R C M b R Y 7 u b C I 3 k F M Y q 6 c z l v 3 m L m f r 1 B 1 t d V c F G t 1 Y 1 J E c M U B c r I 5 q B N k a L O H c M Z y j h s h D y J Q g W D b G z S 2 0 O K S u f O C S H e e + x j 3 L Q F i S h l Z J + v t 7 J U t U A f W f + X Q 2 2 s E 0 Y q x G H 3 G s M j z O I J Z t M 5 p k B G C L k 2 X y E a 9 j 7 b H w j L r n J d q 7 g y 4 W o B Z I x A 3 h / 4 A 1 B L A w Q U A A I A C A C j j C 1 a 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o 4 w t W i i K R 7 g O A A A A E Q A A A B M A H A B G b 3 J t d W x h c y 9 T Z W N 0 a W 9 u M S 5 t I K I Y A C i g F A A A A A A A A A A A A A A A A A A A A A A A A A A A A C t O T S 7 J z M 9 T C I b Q h t Y A U E s B A i 0 A F A A C A A g A o 4 w t W j V G M S C m A A A A 9 g A A A B I A A A A A A A A A A A A A A A A A A A A A A E N v b m Z p Z y 9 Q Y W N r Y W d l L n h t b F B L A Q I t A B Q A A g A I A K O M L V o P y u m r p A A A A O k A A A A T A A A A A A A A A A A A A A A A A P I A A A B b Q 2 9 u d G V u d F 9 U e X B l c 1 0 u e G 1 s U E s B A i 0 A F A A C A A g A o 4 w t W i i K R 7 g O A A A A E Q A A A B M A A A A A A A A A A A A A A A A A 4 w E A A E Z v c m 1 1 b G F z L 1 N l Y 3 R p b 2 4 x L m 1 Q S w U G A A A A A A M A A w D C A A A A P g 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2 g A A A A E A A A D Q j J 3 f A R X R E Y x 6 A M B P w p f r A Q A A A P a W r k u Q b f 1 P m 6 S 3 h b M y a i U A A A A A A g A A A A A A A 2 Y A A M A A A A A Q A A A A J 8 E Z A W S w f P 7 + / 5 8 Z s R A 8 k w A A A A A E g A A A o A A A A B A A A A D / 6 D h V a S a g h c B 5 U 5 d A 3 p 0 c U A A A A B 6 s O Y d W t S d P N B q s U X X j t g 9 e I B L a H d G Z U u P i F w d 5 Y 4 K s n + s y 3 A + + 8 B D D G Z r C Z l j 3 Y Y C A z V 0 W R a G Y 4 o y G a Q L 5 l C Q S + k f M y r M P u 9 M e C K M 0 x V c 2 F A A A A C r / a K Y R o + C n o M A Z 5 t f 6 J q / u O n 6 8 < / D a t a M a s h u p > 
</file>

<file path=customXml/item3.xml>��< ? x m l   v e r s i o n = " 1 . 0 "   e n c o d i n g = " U T F - 1 6 " ? > < G e m i n i   x m l n s = " h t t p : / / g e m i n i / p i v o t c u s t o m i z a t i o n / R e l a t i o n s h i p A u t o D e t e c t i o n E n a b l e d " > < C u s t o m C o n t e n t > < ! [ C D A T A [ T r u e ] ] > < / C u s t o m C o n t e n t > < / G e m i n i > 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Arup_TeamSpaceProjectStage xmlns="2b164c13-2559-4ac6-aae5-15f3213e559e" xsi:nil="true"/>
    <Arup_TeamSpaceDocumentStatus xmlns="http://schemas.microsoft.com/sharepoint/v3" xsi:nil="true"/>
    <TeamSpaceRevision xmlns="2b164c13-2559-4ac6-aae5-15f3213e559e" xsi:nil="true"/>
    <TaxCatchAll xmlns="2b164c13-2559-4ac6-aae5-15f3213e559e" xsi:nil="true"/>
    <o9707bc871d6428696dc7fdce2fc1966 xmlns="2b164c13-2559-4ac6-aae5-15f3213e559e">
      <Terms xmlns="http://schemas.microsoft.com/office/infopath/2007/PartnerControls"/>
    </o9707bc871d6428696dc7fdce2fc1966>
    <Arup_TeamSpaceMustRead xmlns="2b164c13-2559-4ac6-aae5-15f3213e559e">false</Arup_TeamSpaceMustRead>
    <ja38ea1158ed452e9308a795972805b9 xmlns="2b164c13-2559-4ac6-aae5-15f3213e559e">
      <Terms xmlns="http://schemas.microsoft.com/office/infopath/2007/PartnerControls"/>
    </ja38ea1158ed452e9308a795972805b9>
    <Arup_TeamSpaceWorkstreamInternal xmlns="2b164c13-2559-4ac6-aae5-15f3213e559e" xsi:nil="true"/>
    <Arup_TeamSpaceDeliverable xmlns="2b164c13-2559-4ac6-aae5-15f3213e559e">false</Arup_TeamSpaceDeliverable>
    <m720c857f92247b4b2f03df6cb5d2bc9 xmlns="2b164c13-2559-4ac6-aae5-15f3213e559e">
      <Terms xmlns="http://schemas.microsoft.com/office/infopath/2007/PartnerControls"/>
    </m720c857f92247b4b2f03df6cb5d2bc9>
    <nc695c5aeb184e52bf78fb52672e0b9d xmlns="2b164c13-2559-4ac6-aae5-15f3213e559e">
      <Terms xmlns="http://schemas.microsoft.com/office/infopath/2007/PartnerControls"/>
    </nc695c5aeb184e52bf78fb52672e0b9d>
    <CO_Description xmlns="2b164c13-2559-4ac6-aae5-15f3213e559e" xsi:nil="true"/>
  </documentManagement>
</p:properties>
</file>

<file path=customXml/item7.xml>��< ? x m l   v e r s i o n = " 1 . 0 "   e n c o d i n g = " U T F - 1 6 " ? > < G e m i n i   x m l n s = " h t t p : / / g e m i n i / p i v o t c u s t o m i z a t i o n / S a n d b o x N o n E m p t y " > < C u s t o m C o n t e n t > < ! [ C D A T A [ 1 ] ] > < / C u s t o m C o n t e n t > < / G e m i n i > 
</file>

<file path=customXml/item8.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39FBFBB9DCD5C44C9C9FFFF5304620E4" ma:contentTypeVersion="12" ma:contentTypeDescription="" ma:contentTypeScope="" ma:versionID="cb132e0acd047ac7d9b0413aff0ed5f6">
  <xsd:schema xmlns:xsd="http://www.w3.org/2001/XMLSchema" xmlns:xs="http://www.w3.org/2001/XMLSchema" xmlns:p="http://schemas.microsoft.com/office/2006/metadata/properties" xmlns:ns1="http://schemas.microsoft.com/sharepoint/v3" xmlns:ns2="2b164c13-2559-4ac6-aae5-15f3213e559e" xmlns:ns3="8204644a-6911-487b-aab2-20550a210673" targetNamespace="http://schemas.microsoft.com/office/2006/metadata/properties" ma:root="true" ma:fieldsID="1b6bfdb78d796598cacc2af4b3ca8861" ns1:_="" ns2:_="" ns3:_="">
    <xsd:import namespace="http://schemas.microsoft.com/sharepoint/v3"/>
    <xsd:import namespace="2b164c13-2559-4ac6-aae5-15f3213e559e"/>
    <xsd:import namespace="8204644a-6911-487b-aab2-20550a210673"/>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1: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SearchPropertie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schema>
  <xsd:schema xmlns:xsd="http://www.w3.org/2001/XMLSchema" xmlns:xs="http://www.w3.org/2001/XMLSchema" xmlns:dms="http://schemas.microsoft.com/office/2006/documentManagement/types" xmlns:pc="http://schemas.microsoft.com/office/infopath/2007/PartnerControls" targetNamespace="2b164c13-2559-4ac6-aae5-15f3213e559e" elementFormDefault="qualified">
    <xsd:import namespace="http://schemas.microsoft.com/office/2006/documentManagement/types"/>
    <xsd:import namespace="http://schemas.microsoft.com/office/infopath/2007/PartnerControls"/>
    <xsd:element name="CO_Description" ma:index="8" nillable="true" ma:displayName="Description" ma:hidden="true" ma:internalName="CO_Description" ma:readOnly="false">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002b417e-116c-47b4-ac6d-293bd4b8d0fc}" ma:internalName="TaxCatchAll" ma:showField="CatchAllData" ma:web="2b164c13-2559-4ac6-aae5-15f3213e559e">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002b417e-116c-47b4-ac6d-293bd4b8d0fc}" ma:internalName="TaxCatchAllLabel" ma:readOnly="true" ma:showField="CatchAllDataLabel" ma:web="2b164c13-2559-4ac6-aae5-15f3213e559e">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204644a-6911-487b-aab2-20550a210673"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ObjectDetectorVersions" ma:index="28"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1 6 " ? > < G e m i n i   x m l n s = " h t t p : / / g e m i n i / p i v o t c u s t o m i z a t i o n / L i n k e d T a b l e U p d a t e M o d e " > < C u s t o m C o n t e n t > < ! [ C D A T A [ T r u e ] ] > < / C u s t o m C o n t e n t > < / G e m i n i > 
</file>

<file path=customXml/itemProps1.xml><?xml version="1.0" encoding="utf-8"?>
<ds:datastoreItem xmlns:ds="http://schemas.openxmlformats.org/officeDocument/2006/customXml" ds:itemID="{E59C169C-5B71-4139-B067-6BD7D31FA149}"/>
</file>

<file path=customXml/itemProps10.xml><?xml version="1.0" encoding="utf-8"?>
<ds:datastoreItem xmlns:ds="http://schemas.openxmlformats.org/officeDocument/2006/customXml" ds:itemID="{BE033893-FA6F-482B-A71A-0996B7056ECA}"/>
</file>

<file path=customXml/itemProps11.xml><?xml version="1.0" encoding="utf-8"?>
<ds:datastoreItem xmlns:ds="http://schemas.openxmlformats.org/officeDocument/2006/customXml" ds:itemID="{ABE5E4F4-E59D-4A13-BAF8-C2DDB72F30E4}"/>
</file>

<file path=customXml/itemProps12.xml><?xml version="1.0" encoding="utf-8"?>
<ds:datastoreItem xmlns:ds="http://schemas.openxmlformats.org/officeDocument/2006/customXml" ds:itemID="{A5D70042-20E1-445B-886B-2923E3536F88}"/>
</file>

<file path=customXml/itemProps13.xml><?xml version="1.0" encoding="utf-8"?>
<ds:datastoreItem xmlns:ds="http://schemas.openxmlformats.org/officeDocument/2006/customXml" ds:itemID="{382EF30F-61C5-4679-ACEF-D39098570864}"/>
</file>

<file path=customXml/itemProps14.xml><?xml version="1.0" encoding="utf-8"?>
<ds:datastoreItem xmlns:ds="http://schemas.openxmlformats.org/officeDocument/2006/customXml" ds:itemID="{D0E64315-3C06-4F16-8B49-22BCDA7E9309}"/>
</file>

<file path=customXml/itemProps15.xml><?xml version="1.0" encoding="utf-8"?>
<ds:datastoreItem xmlns:ds="http://schemas.openxmlformats.org/officeDocument/2006/customXml" ds:itemID="{960CB78A-0CE5-4581-B553-BD087EBAFFB9}"/>
</file>

<file path=customXml/itemProps16.xml><?xml version="1.0" encoding="utf-8"?>
<ds:datastoreItem xmlns:ds="http://schemas.openxmlformats.org/officeDocument/2006/customXml" ds:itemID="{4A654C05-BB53-4755-ACD6-B4F4552FFDA3}"/>
</file>

<file path=customXml/itemProps17.xml><?xml version="1.0" encoding="utf-8"?>
<ds:datastoreItem xmlns:ds="http://schemas.openxmlformats.org/officeDocument/2006/customXml" ds:itemID="{8ABCB1B8-1D0D-4109-9A54-F86AB3C8FB78}"/>
</file>

<file path=customXml/itemProps18.xml><?xml version="1.0" encoding="utf-8"?>
<ds:datastoreItem xmlns:ds="http://schemas.openxmlformats.org/officeDocument/2006/customXml" ds:itemID="{93A984D9-F47C-4140-80EE-67FB19205EB6}"/>
</file>

<file path=customXml/itemProps19.xml><?xml version="1.0" encoding="utf-8"?>
<ds:datastoreItem xmlns:ds="http://schemas.openxmlformats.org/officeDocument/2006/customXml" ds:itemID="{9754B449-168E-4EAF-AD0D-B5EA9E6E11EC}"/>
</file>

<file path=customXml/itemProps2.xml><?xml version="1.0" encoding="utf-8"?>
<ds:datastoreItem xmlns:ds="http://schemas.openxmlformats.org/officeDocument/2006/customXml" ds:itemID="{DB8255BC-E162-48B7-91AA-34508B551CFD}"/>
</file>

<file path=customXml/itemProps20.xml><?xml version="1.0" encoding="utf-8"?>
<ds:datastoreItem xmlns:ds="http://schemas.openxmlformats.org/officeDocument/2006/customXml" ds:itemID="{70DC8829-687D-4C08-8889-B020B54773A7}"/>
</file>

<file path=customXml/itemProps21.xml><?xml version="1.0" encoding="utf-8"?>
<ds:datastoreItem xmlns:ds="http://schemas.openxmlformats.org/officeDocument/2006/customXml" ds:itemID="{76515E73-F5C3-41BE-9D85-7BEFBC5639C9}"/>
</file>

<file path=customXml/itemProps22.xml><?xml version="1.0" encoding="utf-8"?>
<ds:datastoreItem xmlns:ds="http://schemas.openxmlformats.org/officeDocument/2006/customXml" ds:itemID="{30BE87D3-A6ED-4F79-B766-2BBBA878F76B}"/>
</file>

<file path=customXml/itemProps23.xml><?xml version="1.0" encoding="utf-8"?>
<ds:datastoreItem xmlns:ds="http://schemas.openxmlformats.org/officeDocument/2006/customXml" ds:itemID="{CB343005-71DA-431F-ACCD-F2A67A816865}"/>
</file>

<file path=customXml/itemProps3.xml><?xml version="1.0" encoding="utf-8"?>
<ds:datastoreItem xmlns:ds="http://schemas.openxmlformats.org/officeDocument/2006/customXml" ds:itemID="{F0F02BD1-42B0-45C9-8D21-5B72C208F02A}"/>
</file>

<file path=customXml/itemProps4.xml><?xml version="1.0" encoding="utf-8"?>
<ds:datastoreItem xmlns:ds="http://schemas.openxmlformats.org/officeDocument/2006/customXml" ds:itemID="{BE4BA865-D774-4D18-861A-C1E01EDB20C3}"/>
</file>

<file path=customXml/itemProps5.xml><?xml version="1.0" encoding="utf-8"?>
<ds:datastoreItem xmlns:ds="http://schemas.openxmlformats.org/officeDocument/2006/customXml" ds:itemID="{62CB8C1F-D40D-4C86-BB4B-0CF96D922D6C}"/>
</file>

<file path=customXml/itemProps6.xml><?xml version="1.0" encoding="utf-8"?>
<ds:datastoreItem xmlns:ds="http://schemas.openxmlformats.org/officeDocument/2006/customXml" ds:itemID="{E8C1D5F1-807D-49DB-87F7-3763D42781FB}"/>
</file>

<file path=customXml/itemProps7.xml><?xml version="1.0" encoding="utf-8"?>
<ds:datastoreItem xmlns:ds="http://schemas.openxmlformats.org/officeDocument/2006/customXml" ds:itemID="{287057CC-26CF-4860-BF5A-1F9E2A3FECCA}"/>
</file>

<file path=customXml/itemProps8.xml><?xml version="1.0" encoding="utf-8"?>
<ds:datastoreItem xmlns:ds="http://schemas.openxmlformats.org/officeDocument/2006/customXml" ds:itemID="{8E4E4EA6-BBE2-4077-958C-1E1E6AA87CCC}"/>
</file>

<file path=customXml/itemProps9.xml><?xml version="1.0" encoding="utf-8"?>
<ds:datastoreItem xmlns:ds="http://schemas.openxmlformats.org/officeDocument/2006/customXml" ds:itemID="{9259B9A0-B0CC-452E-AEDB-6E12D8F7D484}"/>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hird-party review framework</dc:title>
  <dc:subject/>
  <dc:creator>Mike Kovacs</dc:creator>
  <cp:keywords/>
  <dc:description/>
  <cp:lastModifiedBy/>
  <cp:revision/>
  <dcterms:created xsi:type="dcterms:W3CDTF">2024-11-15T09:00:32Z</dcterms:created>
  <dcterms:modified xsi:type="dcterms:W3CDTF">2025-12-18T14:10:56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794821100910469</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39FBFBB9DCD5C44C9C9FFFF5304620E4</vt:lpwstr>
  </property>
  <property fmtid="{D5CDD505-2E9C-101B-9397-08002B2CF9AE}" pid="15" name="Arup_Tags">
    <vt:lpwstr/>
  </property>
  <property fmtid="{D5CDD505-2E9C-101B-9397-08002B2CF9AE}" pid="16" name="CO_Topics">
    <vt:lpwstr/>
  </property>
  <property fmtid="{D5CDD505-2E9C-101B-9397-08002B2CF9AE}" pid="17" name="Arup_TypeOfContent">
    <vt:lpwstr/>
  </property>
  <property fmtid="{D5CDD505-2E9C-101B-9397-08002B2CF9AE}" pid="18" name="CO_Communities">
    <vt:lpwstr/>
  </property>
  <property fmtid="{D5CDD505-2E9C-101B-9397-08002B2CF9AE}" pid="19" name="Folder_Number">
    <vt:lpwstr/>
  </property>
  <property fmtid="{D5CDD505-2E9C-101B-9397-08002B2CF9AE}" pid="20" name="Folder_Code">
    <vt:lpwstr/>
  </property>
  <property fmtid="{D5CDD505-2E9C-101B-9397-08002B2CF9AE}" pid="21" name="Folder_Name">
    <vt:lpwstr/>
  </property>
  <property fmtid="{D5CDD505-2E9C-101B-9397-08002B2CF9AE}" pid="22" name="Folder_Description">
    <vt:lpwstr/>
  </property>
  <property fmtid="{D5CDD505-2E9C-101B-9397-08002B2CF9AE}" pid="23" name="/Folder_Name/">
    <vt:lpwstr/>
  </property>
  <property fmtid="{D5CDD505-2E9C-101B-9397-08002B2CF9AE}" pid="24" name="/Folder_Description/">
    <vt:lpwstr/>
  </property>
  <property fmtid="{D5CDD505-2E9C-101B-9397-08002B2CF9AE}" pid="25" name="Folder_Version">
    <vt:lpwstr/>
  </property>
  <property fmtid="{D5CDD505-2E9C-101B-9397-08002B2CF9AE}" pid="26" name="Folder_VersionSeq">
    <vt:lpwstr/>
  </property>
  <property fmtid="{D5CDD505-2E9C-101B-9397-08002B2CF9AE}" pid="27" name="Folder_Manager">
    <vt:lpwstr/>
  </property>
  <property fmtid="{D5CDD505-2E9C-101B-9397-08002B2CF9AE}" pid="28" name="Folder_ManagerDesc">
    <vt:lpwstr/>
  </property>
  <property fmtid="{D5CDD505-2E9C-101B-9397-08002B2CF9AE}" pid="29" name="Folder_Storage">
    <vt:lpwstr/>
  </property>
  <property fmtid="{D5CDD505-2E9C-101B-9397-08002B2CF9AE}" pid="30" name="Folder_StorageDesc">
    <vt:lpwstr/>
  </property>
  <property fmtid="{D5CDD505-2E9C-101B-9397-08002B2CF9AE}" pid="31" name="Folder_Creator">
    <vt:lpwstr/>
  </property>
  <property fmtid="{D5CDD505-2E9C-101B-9397-08002B2CF9AE}" pid="32" name="Folder_CreatorDesc">
    <vt:lpwstr/>
  </property>
  <property fmtid="{D5CDD505-2E9C-101B-9397-08002B2CF9AE}" pid="33" name="Folder_CreateDate">
    <vt:lpwstr/>
  </property>
  <property fmtid="{D5CDD505-2E9C-101B-9397-08002B2CF9AE}" pid="34" name="Folder_Updater">
    <vt:lpwstr/>
  </property>
  <property fmtid="{D5CDD505-2E9C-101B-9397-08002B2CF9AE}" pid="35" name="Folder_UpdaterDesc">
    <vt:lpwstr/>
  </property>
  <property fmtid="{D5CDD505-2E9C-101B-9397-08002B2CF9AE}" pid="36" name="Folder_UpdateDate">
    <vt:lpwstr/>
  </property>
  <property fmtid="{D5CDD505-2E9C-101B-9397-08002B2CF9AE}" pid="37" name="Document_Number">
    <vt:lpwstr/>
  </property>
  <property fmtid="{D5CDD505-2E9C-101B-9397-08002B2CF9AE}" pid="38" name="Document_Name">
    <vt:lpwstr/>
  </property>
  <property fmtid="{D5CDD505-2E9C-101B-9397-08002B2CF9AE}" pid="39" name="Document_FileName">
    <vt:lpwstr/>
  </property>
  <property fmtid="{D5CDD505-2E9C-101B-9397-08002B2CF9AE}" pid="40" name="Document_Version">
    <vt:lpwstr/>
  </property>
  <property fmtid="{D5CDD505-2E9C-101B-9397-08002B2CF9AE}" pid="41" name="Document_VersionSeq">
    <vt:lpwstr/>
  </property>
  <property fmtid="{D5CDD505-2E9C-101B-9397-08002B2CF9AE}" pid="42" name="Document_Creator">
    <vt:lpwstr/>
  </property>
  <property fmtid="{D5CDD505-2E9C-101B-9397-08002B2CF9AE}" pid="43" name="Document_CreatorDesc">
    <vt:lpwstr/>
  </property>
  <property fmtid="{D5CDD505-2E9C-101B-9397-08002B2CF9AE}" pid="44" name="Document_CreateDate">
    <vt:lpwstr/>
  </property>
  <property fmtid="{D5CDD505-2E9C-101B-9397-08002B2CF9AE}" pid="45" name="Document_Updater">
    <vt:lpwstr/>
  </property>
  <property fmtid="{D5CDD505-2E9C-101B-9397-08002B2CF9AE}" pid="46" name="Document_UpdaterDesc">
    <vt:lpwstr/>
  </property>
  <property fmtid="{D5CDD505-2E9C-101B-9397-08002B2CF9AE}" pid="47" name="Document_UpdateDate">
    <vt:lpwstr/>
  </property>
  <property fmtid="{D5CDD505-2E9C-101B-9397-08002B2CF9AE}" pid="48" name="Document_Size">
    <vt:lpwstr/>
  </property>
  <property fmtid="{D5CDD505-2E9C-101B-9397-08002B2CF9AE}" pid="49" name="Document_Storage">
    <vt:lpwstr/>
  </property>
  <property fmtid="{D5CDD505-2E9C-101B-9397-08002B2CF9AE}" pid="50" name="Document_StorageDesc">
    <vt:lpwstr/>
  </property>
  <property fmtid="{D5CDD505-2E9C-101B-9397-08002B2CF9AE}" pid="51" name="Document_Department">
    <vt:lpwstr/>
  </property>
  <property fmtid="{D5CDD505-2E9C-101B-9397-08002B2CF9AE}" pid="52" name="Document_DepartmentDesc">
    <vt:lpwstr/>
  </property>
  <property fmtid="{D5CDD505-2E9C-101B-9397-08002B2CF9AE}" pid="53" name="MSIP_Label_8eca86e8-6fb5-45dd-bb08-a8d185fa5301_Enabled">
    <vt:lpwstr>true</vt:lpwstr>
  </property>
  <property fmtid="{D5CDD505-2E9C-101B-9397-08002B2CF9AE}" pid="54" name="MSIP_Label_8eca86e8-6fb5-45dd-bb08-a8d185fa5301_SetDate">
    <vt:lpwstr>2025-11-26T14:14:33Z</vt:lpwstr>
  </property>
  <property fmtid="{D5CDD505-2E9C-101B-9397-08002B2CF9AE}" pid="55" name="MSIP_Label_8eca86e8-6fb5-45dd-bb08-a8d185fa5301_Method">
    <vt:lpwstr>Standard</vt:lpwstr>
  </property>
  <property fmtid="{D5CDD505-2E9C-101B-9397-08002B2CF9AE}" pid="56" name="MSIP_Label_8eca86e8-6fb5-45dd-bb08-a8d185fa5301_Name">
    <vt:lpwstr>Official</vt:lpwstr>
  </property>
  <property fmtid="{D5CDD505-2E9C-101B-9397-08002B2CF9AE}" pid="57" name="MSIP_Label_8eca86e8-6fb5-45dd-bb08-a8d185fa5301_SiteId">
    <vt:lpwstr>9fe658cd-b3cd-4056-8519-3222ffa96be8</vt:lpwstr>
  </property>
  <property fmtid="{D5CDD505-2E9C-101B-9397-08002B2CF9AE}" pid="58" name="MSIP_Label_8eca86e8-6fb5-45dd-bb08-a8d185fa5301_ActionId">
    <vt:lpwstr>74388919-ab0a-49d0-8e6a-279605485e46</vt:lpwstr>
  </property>
  <property fmtid="{D5CDD505-2E9C-101B-9397-08002B2CF9AE}" pid="59" name="MSIP_Label_8eca86e8-6fb5-45dd-bb08-a8d185fa5301_ContentBits">
    <vt:lpwstr>0</vt:lpwstr>
  </property>
  <property fmtid="{D5CDD505-2E9C-101B-9397-08002B2CF9AE}" pid="60" name="MSIP_Label_8eca86e8-6fb5-45dd-bb08-a8d185fa5301_Tag">
    <vt:lpwstr>10, 3, 0, 1</vt:lpwstr>
  </property>
</Properties>
</file>